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tables/table3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99D2E805-25C4-4F2C-94F3-09FF59679405}" xr6:coauthVersionLast="36" xr6:coauthVersionMax="47" xr10:uidLastSave="{00000000-0000-0000-0000-000000000000}"/>
  <bookViews>
    <workbookView xWindow="-75" yWindow="1215" windowWidth="23670" windowHeight="12750" activeTab="1" xr2:uid="{00000000-000D-0000-FFFF-FFFF00000000}"/>
  </bookViews>
  <sheets>
    <sheet name="RoomInfo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1044" uniqueCount="73">
  <si>
    <t xml:space="preserve">101 STA   </t>
  </si>
  <si>
    <t xml:space="preserve">昼3hﾌﾘｰﾀｲﾑ (1)            </t>
  </si>
  <si>
    <t xml:space="preserve">102 MAX2  </t>
  </si>
  <si>
    <t xml:space="preserve">ｱﾙｺｰﾙ飲み放題C (3)        </t>
  </si>
  <si>
    <t xml:space="preserve">103 MAX2  </t>
  </si>
  <si>
    <t xml:space="preserve">ﾌﾟﾚﾐｱﾑｺｰｽ (3)             </t>
  </si>
  <si>
    <t xml:space="preserve">104 STA   </t>
  </si>
  <si>
    <t xml:space="preserve">ｿﾌﾄ飲み放題 (1)           </t>
  </si>
  <si>
    <t xml:space="preserve">105 MAXGO </t>
  </si>
  <si>
    <t xml:space="preserve">ﾌﾟﾚﾐｱﾑｺｰｽ (8)             </t>
  </si>
  <si>
    <t xml:space="preserve">106 MAX   </t>
  </si>
  <si>
    <t xml:space="preserve">107 STA   </t>
  </si>
  <si>
    <t xml:space="preserve">昼2hﾌﾘｰﾀｲﾑ (1)            </t>
  </si>
  <si>
    <t xml:space="preserve">108 AI    </t>
  </si>
  <si>
    <t xml:space="preserve">ｱﾙｺｰﾙ飲み放題C (2)        </t>
  </si>
  <si>
    <t xml:space="preserve">VIP STA   </t>
  </si>
  <si>
    <t xml:space="preserve">昼2hﾌﾘｰﾀｲﾑ (3)            </t>
  </si>
  <si>
    <t xml:space="preserve">201 AI    </t>
  </si>
  <si>
    <t xml:space="preserve">昼3hﾌﾘｰﾀｲﾑ (2)            </t>
  </si>
  <si>
    <t xml:space="preserve">202 STA   </t>
  </si>
  <si>
    <t xml:space="preserve">ｿﾌﾄ飲み放題 (4)           </t>
  </si>
  <si>
    <t xml:space="preserve">203 STA   </t>
  </si>
  <si>
    <t xml:space="preserve">昼3hﾌﾘｰﾀｲﾑ (4)            </t>
  </si>
  <si>
    <t xml:space="preserve">204 MAX2  </t>
  </si>
  <si>
    <t xml:space="preserve">205 MAX2  </t>
  </si>
  <si>
    <t xml:space="preserve">昼4hﾌﾘｰﾀｲﾑ (3)            </t>
  </si>
  <si>
    <t xml:space="preserve">206 STA   </t>
  </si>
  <si>
    <t xml:space="preserve">昼4hﾌﾘｰﾀｲﾑ (2)            </t>
  </si>
  <si>
    <t xml:space="preserve">207 MAXGO </t>
  </si>
  <si>
    <t xml:space="preserve">208 STA   </t>
  </si>
  <si>
    <t xml:space="preserve">ｿﾌﾄ飲み放題 (2)           </t>
  </si>
  <si>
    <t xml:space="preserve">209 MAX   </t>
  </si>
  <si>
    <t xml:space="preserve">ｿﾌﾄ飲み放題 (3)           </t>
  </si>
  <si>
    <t xml:space="preserve">210 MAX   </t>
  </si>
  <si>
    <t xml:space="preserve">昼3hﾌﾘｰﾀｲﾑ (7)            </t>
  </si>
  <si>
    <t xml:space="preserve">211 MAX2  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RoomID</t>
  </si>
  <si>
    <t>GroupID</t>
  </si>
  <si>
    <t>Name</t>
  </si>
  <si>
    <t>Def_UseNumber</t>
  </si>
  <si>
    <t>Resv_UseNumber</t>
  </si>
  <si>
    <t>UseNumber</t>
  </si>
  <si>
    <t>StartTime</t>
  </si>
  <si>
    <t>EndTime</t>
  </si>
  <si>
    <t>Status</t>
  </si>
  <si>
    <t>Cleaning</t>
  </si>
  <si>
    <t>Alearm</t>
  </si>
  <si>
    <t>MemoData</t>
  </si>
  <si>
    <t>BusinessID</t>
  </si>
  <si>
    <t>AgeDisp</t>
  </si>
  <si>
    <t>BackColor</t>
  </si>
  <si>
    <t>ForeColor</t>
  </si>
  <si>
    <t>UsingFlag</t>
  </si>
  <si>
    <t>Age20</t>
  </si>
  <si>
    <t>KPrn0</t>
  </si>
  <si>
    <t>KPrn1</t>
  </si>
  <si>
    <t>KPrn2</t>
  </si>
  <si>
    <t>KPrn3</t>
  </si>
  <si>
    <t>KPrn4</t>
  </si>
  <si>
    <t>KPrn5</t>
  </si>
  <si>
    <t>KPrn6</t>
  </si>
  <si>
    <t>KPrn7</t>
  </si>
  <si>
    <t>KPrn8</t>
  </si>
  <si>
    <t>KPrn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57" totalsRowShown="0">
  <autoFilter ref="A1:F57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" xr:uid="{9031BD34-0E21-4700-AF33-0F68BE87D909}" name="テーブル14" displayName="テーブル14" ref="K1:P57" totalsRowShown="0">
  <autoFilter ref="K1:P57" xr:uid="{3FA0961D-372D-4D24-97AD-DD807C936ED1}"/>
  <tableColumns count="6">
    <tableColumn id="1" xr3:uid="{7CB6B5D8-7FDE-4A51-8402-F9CA4AE8B490}" name="ID"/>
    <tableColumn id="2" xr3:uid="{7E190C88-DEED-4252-9ACD-465A2BFE5F6B}" name="TERMINATOR"/>
    <tableColumn id="3" xr3:uid="{7E645EC7-4753-4364-AB5F-DA56D9598C21}" name="MAX_LENGTH"/>
    <tableColumn id="4" xr3:uid="{F148C8BA-AC66-4334-B973-C7B8E9AEB784}" name="COLLATION"/>
    <tableColumn id="5" xr3:uid="{DD5839DD-5135-4E11-B1A4-B9110111BF73}" name="SOURCE"/>
    <tableColumn id="6" xr3:uid="{7172CD10-6B5C-4726-AFE4-7B4C1CBF6FA3}" name="NAME"/>
  </tableColumns>
  <tableStyleInfo name="TableStyleMedium2" showFirstColumn="0" showLastColumn="0" showRowStripes="1" showColumnStripes="0"/>
</table>
</file>

<file path=xl/tables/table3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7171BAB1-3AB3-45AB-95F7-852627BD9268}" name="テーブル13" displayName="テーブル13" ref="A1:F57" totalsRowShown="0">
  <autoFilter ref="A1:F57" xr:uid="{EDE4BACA-CC15-4AC1-BF54-F831DD7BED8A}"/>
  <tableColumns count="6">
    <tableColumn id="1" xr3:uid="{CB3A88AA-0890-49EF-BBE2-61CC0DF522AC}" name="ID"/>
    <tableColumn id="2" xr3:uid="{18282B69-836C-476E-80F6-CBE9463BDE3C}" name="TERMINATOR"/>
    <tableColumn id="3" xr3:uid="{75A14EF8-CA9F-436C-9B87-FBF93661ABEC}" name="MAX_LENGTH"/>
    <tableColumn id="4" xr3:uid="{A5F90239-D2DD-4C80-AE9D-477BE75C71AA}" name="COLLATION"/>
    <tableColumn id="5" xr3:uid="{F60AEE2D-AA40-4AB2-BB78-D191D72003DB}" name="SOURCE"/>
    <tableColumn id="6" xr3:uid="{7AD26584-2C31-4E68-9EE5-0149AFB8B078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2.xml"/><Relationship Id="rId1" Type="http://schemas.openxmlformats.org/officeDocument/2006/relationships/table" Target="../tables/table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table" Target="../tables/table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B21"/>
  <sheetViews>
    <sheetView workbookViewId="0">
      <selection activeCell="E5" sqref="E5"/>
    </sheetView>
  </sheetViews>
  <sheetFormatPr defaultColWidth="8.5" defaultRowHeight="18.75" x14ac:dyDescent="0.4"/>
  <cols>
    <col min="1" max="1" width="8.25" bestFit="1" customWidth="1"/>
    <col min="2" max="2" width="8.625" bestFit="1" customWidth="1"/>
    <col min="3" max="3" width="12.75" bestFit="1" customWidth="1"/>
    <col min="4" max="4" width="16.375" bestFit="1" customWidth="1"/>
    <col min="5" max="5" width="17.625" bestFit="1" customWidth="1"/>
    <col min="6" max="6" width="11.875" bestFit="1" customWidth="1"/>
    <col min="7" max="8" width="16.875" bestFit="1" customWidth="1"/>
    <col min="9" max="9" width="7" bestFit="1" customWidth="1"/>
    <col min="10" max="10" width="9" bestFit="1" customWidth="1"/>
    <col min="11" max="11" width="7.5" bestFit="1" customWidth="1"/>
    <col min="12" max="12" width="23.625" bestFit="1" customWidth="1"/>
    <col min="13" max="13" width="11.5" bestFit="1" customWidth="1"/>
    <col min="14" max="14" width="8.75" bestFit="1" customWidth="1"/>
    <col min="15" max="16" width="10.375" bestFit="1" customWidth="1"/>
    <col min="17" max="17" width="10.125" bestFit="1" customWidth="1"/>
    <col min="18" max="28" width="6.75" bestFit="1" customWidth="1"/>
  </cols>
  <sheetData>
    <row r="1" spans="1:28" x14ac:dyDescent="0.4">
      <c r="A1" s="3" t="s">
        <v>45</v>
      </c>
      <c r="B1" s="4" t="s">
        <v>46</v>
      </c>
      <c r="C1" s="3" t="s">
        <v>47</v>
      </c>
      <c r="D1" s="4" t="s">
        <v>48</v>
      </c>
      <c r="E1" s="3" t="s">
        <v>49</v>
      </c>
      <c r="F1" s="4" t="s">
        <v>50</v>
      </c>
      <c r="G1" s="3" t="s">
        <v>51</v>
      </c>
      <c r="H1" s="4" t="s">
        <v>52</v>
      </c>
      <c r="I1" s="3" t="s">
        <v>53</v>
      </c>
      <c r="J1" s="4" t="s">
        <v>54</v>
      </c>
      <c r="K1" s="3" t="s">
        <v>55</v>
      </c>
      <c r="L1" s="4" t="s">
        <v>56</v>
      </c>
      <c r="M1" s="3" t="s">
        <v>57</v>
      </c>
      <c r="N1" s="4" t="s">
        <v>58</v>
      </c>
      <c r="O1" s="3" t="s">
        <v>59</v>
      </c>
      <c r="P1" s="4" t="s">
        <v>60</v>
      </c>
      <c r="Q1" s="3" t="s">
        <v>61</v>
      </c>
      <c r="R1" s="4" t="s">
        <v>62</v>
      </c>
      <c r="S1" s="3" t="s">
        <v>63</v>
      </c>
      <c r="T1" s="4" t="s">
        <v>64</v>
      </c>
      <c r="U1" s="3" t="s">
        <v>65</v>
      </c>
      <c r="V1" s="4" t="s">
        <v>66</v>
      </c>
      <c r="W1" s="3" t="s">
        <v>67</v>
      </c>
      <c r="X1" s="4" t="s">
        <v>68</v>
      </c>
      <c r="Y1" s="3" t="s">
        <v>69</v>
      </c>
      <c r="Z1" s="4" t="s">
        <v>70</v>
      </c>
      <c r="AA1" s="3" t="s">
        <v>71</v>
      </c>
      <c r="AB1" s="4" t="s">
        <v>72</v>
      </c>
    </row>
    <row r="2" spans="1:28" x14ac:dyDescent="0.4">
      <c r="A2">
        <v>1</v>
      </c>
      <c r="B2">
        <v>1</v>
      </c>
      <c r="C2" t="s">
        <v>0</v>
      </c>
      <c r="D2">
        <v>9</v>
      </c>
      <c r="E2">
        <v>0</v>
      </c>
      <c r="F2">
        <v>0</v>
      </c>
      <c r="G2" s="1">
        <v>45287.42083333333</v>
      </c>
      <c r="H2" s="1">
        <v>45331.717361111114</v>
      </c>
      <c r="I2">
        <v>0</v>
      </c>
      <c r="J2">
        <v>0</v>
      </c>
      <c r="K2">
        <v>0</v>
      </c>
      <c r="L2" t="s">
        <v>1</v>
      </c>
      <c r="M2">
        <v>294528</v>
      </c>
      <c r="N2">
        <v>0</v>
      </c>
      <c r="O2">
        <v>-2207443</v>
      </c>
      <c r="P2">
        <v>-16777216</v>
      </c>
      <c r="Q2">
        <v>0</v>
      </c>
      <c r="R2">
        <v>0</v>
      </c>
      <c r="S2">
        <v>1</v>
      </c>
      <c r="T2">
        <v>1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</row>
    <row r="3" spans="1:28" x14ac:dyDescent="0.4">
      <c r="A3">
        <v>2</v>
      </c>
      <c r="B3">
        <v>1</v>
      </c>
      <c r="C3" t="s">
        <v>2</v>
      </c>
      <c r="D3">
        <v>5</v>
      </c>
      <c r="E3">
        <v>0</v>
      </c>
      <c r="F3">
        <v>0</v>
      </c>
      <c r="G3" s="1">
        <v>45286.806250000001</v>
      </c>
      <c r="H3" s="1">
        <v>45286.931250000001</v>
      </c>
      <c r="I3">
        <v>0</v>
      </c>
      <c r="J3">
        <v>0</v>
      </c>
      <c r="K3">
        <v>0</v>
      </c>
      <c r="L3" t="s">
        <v>3</v>
      </c>
      <c r="M3">
        <v>294513</v>
      </c>
      <c r="N3">
        <v>0</v>
      </c>
      <c r="O3">
        <v>-16748801</v>
      </c>
      <c r="P3">
        <v>-1</v>
      </c>
      <c r="Q3">
        <v>0</v>
      </c>
      <c r="R3">
        <v>0</v>
      </c>
      <c r="S3">
        <v>1</v>
      </c>
      <c r="T3">
        <v>1</v>
      </c>
      <c r="U3">
        <v>0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</row>
    <row r="4" spans="1:28" x14ac:dyDescent="0.4">
      <c r="A4">
        <v>3</v>
      </c>
      <c r="B4">
        <v>1</v>
      </c>
      <c r="C4" t="s">
        <v>4</v>
      </c>
      <c r="D4">
        <v>5</v>
      </c>
      <c r="E4">
        <v>0</v>
      </c>
      <c r="F4">
        <v>0</v>
      </c>
      <c r="G4" s="1">
        <v>45286.870138888888</v>
      </c>
      <c r="H4" s="1">
        <v>45286.996527777781</v>
      </c>
      <c r="I4">
        <v>0</v>
      </c>
      <c r="J4">
        <v>0</v>
      </c>
      <c r="K4">
        <v>0</v>
      </c>
      <c r="L4" t="s">
        <v>5</v>
      </c>
      <c r="M4">
        <v>294520</v>
      </c>
      <c r="N4">
        <v>0</v>
      </c>
      <c r="O4">
        <v>-16748801</v>
      </c>
      <c r="P4">
        <v>-1</v>
      </c>
      <c r="Q4">
        <v>0</v>
      </c>
      <c r="R4">
        <v>0</v>
      </c>
      <c r="S4">
        <v>1</v>
      </c>
      <c r="T4">
        <v>1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</row>
    <row r="5" spans="1:28" x14ac:dyDescent="0.4">
      <c r="A5">
        <v>4</v>
      </c>
      <c r="B5">
        <v>1</v>
      </c>
      <c r="C5" t="s">
        <v>6</v>
      </c>
      <c r="D5">
        <v>6</v>
      </c>
      <c r="E5">
        <v>0</v>
      </c>
      <c r="F5">
        <v>0</v>
      </c>
      <c r="G5" s="1">
        <v>45286.788194444445</v>
      </c>
      <c r="H5" s="1">
        <v>45286.820138888892</v>
      </c>
      <c r="I5">
        <v>0</v>
      </c>
      <c r="J5">
        <v>0</v>
      </c>
      <c r="K5">
        <v>0</v>
      </c>
      <c r="L5" t="s">
        <v>7</v>
      </c>
      <c r="M5">
        <v>294510</v>
      </c>
      <c r="N5">
        <v>0</v>
      </c>
      <c r="O5">
        <v>-2207443</v>
      </c>
      <c r="P5">
        <v>-16777216</v>
      </c>
      <c r="Q5">
        <v>0</v>
      </c>
      <c r="R5">
        <v>0</v>
      </c>
      <c r="S5">
        <v>1</v>
      </c>
      <c r="T5">
        <v>1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</row>
    <row r="6" spans="1:28" x14ac:dyDescent="0.4">
      <c r="A6">
        <v>5</v>
      </c>
      <c r="B6">
        <v>1</v>
      </c>
      <c r="C6" t="s">
        <v>8</v>
      </c>
      <c r="D6">
        <v>10</v>
      </c>
      <c r="E6">
        <v>0</v>
      </c>
      <c r="F6">
        <v>0</v>
      </c>
      <c r="G6" s="1">
        <v>45286.868750000001</v>
      </c>
      <c r="H6" s="1">
        <v>45286.949305555558</v>
      </c>
      <c r="I6">
        <v>0</v>
      </c>
      <c r="J6">
        <v>0</v>
      </c>
      <c r="K6">
        <v>0</v>
      </c>
      <c r="L6" t="s">
        <v>9</v>
      </c>
      <c r="M6">
        <v>294519</v>
      </c>
      <c r="N6">
        <v>0</v>
      </c>
      <c r="O6">
        <v>-10197505</v>
      </c>
      <c r="P6">
        <v>-16777216</v>
      </c>
      <c r="Q6">
        <v>0</v>
      </c>
      <c r="R6">
        <v>0</v>
      </c>
      <c r="S6">
        <v>1</v>
      </c>
      <c r="T6">
        <v>1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</row>
    <row r="7" spans="1:28" x14ac:dyDescent="0.4">
      <c r="A7">
        <v>6</v>
      </c>
      <c r="B7">
        <v>1</v>
      </c>
      <c r="C7" t="s">
        <v>10</v>
      </c>
      <c r="D7">
        <v>3</v>
      </c>
      <c r="E7">
        <v>0</v>
      </c>
      <c r="F7">
        <v>0</v>
      </c>
      <c r="G7" s="1">
        <v>45286.861111111109</v>
      </c>
      <c r="H7" s="1">
        <v>45286.900694444441</v>
      </c>
      <c r="I7">
        <v>0</v>
      </c>
      <c r="J7">
        <v>0</v>
      </c>
      <c r="K7">
        <v>0</v>
      </c>
      <c r="L7" t="s">
        <v>7</v>
      </c>
      <c r="M7">
        <v>294516</v>
      </c>
      <c r="N7">
        <v>0</v>
      </c>
      <c r="O7">
        <v>-16748801</v>
      </c>
      <c r="P7">
        <v>-1</v>
      </c>
      <c r="Q7">
        <v>0</v>
      </c>
      <c r="R7">
        <v>0</v>
      </c>
      <c r="S7">
        <v>1</v>
      </c>
      <c r="T7">
        <v>1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</row>
    <row r="8" spans="1:28" x14ac:dyDescent="0.4">
      <c r="A8">
        <v>7</v>
      </c>
      <c r="B8">
        <v>1</v>
      </c>
      <c r="C8" t="s">
        <v>11</v>
      </c>
      <c r="D8">
        <v>12</v>
      </c>
      <c r="E8">
        <v>0</v>
      </c>
      <c r="F8">
        <v>0</v>
      </c>
      <c r="G8" s="1">
        <v>45287.4375</v>
      </c>
      <c r="H8" s="1">
        <v>45331.718055555553</v>
      </c>
      <c r="I8">
        <v>0</v>
      </c>
      <c r="J8">
        <v>0</v>
      </c>
      <c r="K8">
        <v>0</v>
      </c>
      <c r="L8" t="s">
        <v>12</v>
      </c>
      <c r="M8">
        <v>294530</v>
      </c>
      <c r="N8">
        <v>0</v>
      </c>
      <c r="O8">
        <v>-2207443</v>
      </c>
      <c r="P8">
        <v>-16777216</v>
      </c>
      <c r="Q8">
        <v>0</v>
      </c>
      <c r="R8">
        <v>0</v>
      </c>
      <c r="S8">
        <v>1</v>
      </c>
      <c r="T8">
        <v>1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</row>
    <row r="9" spans="1:28" x14ac:dyDescent="0.4">
      <c r="A9">
        <v>8</v>
      </c>
      <c r="B9">
        <v>1</v>
      </c>
      <c r="C9" t="s">
        <v>13</v>
      </c>
      <c r="D9">
        <v>10</v>
      </c>
      <c r="E9">
        <v>0</v>
      </c>
      <c r="F9">
        <v>0</v>
      </c>
      <c r="G9" s="1">
        <v>45287.060416666667</v>
      </c>
      <c r="H9" s="1">
        <v>45287.146527777775</v>
      </c>
      <c r="I9">
        <v>0</v>
      </c>
      <c r="J9">
        <v>0</v>
      </c>
      <c r="K9">
        <v>0</v>
      </c>
      <c r="L9" t="s">
        <v>14</v>
      </c>
      <c r="M9">
        <v>294527</v>
      </c>
      <c r="N9">
        <v>0</v>
      </c>
      <c r="O9">
        <v>-15804</v>
      </c>
      <c r="P9">
        <v>-16777216</v>
      </c>
      <c r="Q9">
        <v>0</v>
      </c>
      <c r="R9">
        <v>0</v>
      </c>
      <c r="S9">
        <v>1</v>
      </c>
      <c r="T9">
        <v>1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</row>
    <row r="10" spans="1:28" x14ac:dyDescent="0.4">
      <c r="A10">
        <v>9</v>
      </c>
      <c r="B10">
        <v>1</v>
      </c>
      <c r="C10" t="s">
        <v>15</v>
      </c>
      <c r="D10">
        <v>18</v>
      </c>
      <c r="E10">
        <v>0</v>
      </c>
      <c r="F10">
        <v>0</v>
      </c>
      <c r="G10" s="1">
        <v>45286.697916666664</v>
      </c>
      <c r="H10" s="1">
        <v>45286.783333333333</v>
      </c>
      <c r="I10">
        <v>0</v>
      </c>
      <c r="J10">
        <v>0</v>
      </c>
      <c r="K10">
        <v>0</v>
      </c>
      <c r="L10" t="s">
        <v>16</v>
      </c>
      <c r="M10">
        <v>294503</v>
      </c>
      <c r="N10">
        <v>0</v>
      </c>
      <c r="O10">
        <v>-2207443</v>
      </c>
      <c r="P10">
        <v>-16777216</v>
      </c>
      <c r="Q10">
        <v>0</v>
      </c>
      <c r="R10">
        <v>0</v>
      </c>
      <c r="S10">
        <v>1</v>
      </c>
      <c r="T10">
        <v>1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</row>
    <row r="11" spans="1:28" x14ac:dyDescent="0.4">
      <c r="A11">
        <v>10</v>
      </c>
      <c r="B11">
        <v>1</v>
      </c>
      <c r="C11" t="s">
        <v>17</v>
      </c>
      <c r="D11">
        <v>10</v>
      </c>
      <c r="E11">
        <v>0</v>
      </c>
      <c r="F11">
        <v>0</v>
      </c>
      <c r="G11" s="1">
        <v>45287.448611111111</v>
      </c>
      <c r="H11" s="1">
        <v>45331.718055555553</v>
      </c>
      <c r="I11">
        <v>0</v>
      </c>
      <c r="J11">
        <v>0</v>
      </c>
      <c r="K11">
        <v>0</v>
      </c>
      <c r="L11" t="s">
        <v>18</v>
      </c>
      <c r="M11">
        <v>294532</v>
      </c>
      <c r="N11">
        <v>0</v>
      </c>
      <c r="O11">
        <v>-15804</v>
      </c>
      <c r="P11">
        <v>-16777216</v>
      </c>
      <c r="Q11">
        <v>0</v>
      </c>
      <c r="R11">
        <v>0</v>
      </c>
      <c r="S11">
        <v>1</v>
      </c>
      <c r="T11">
        <v>1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</row>
    <row r="12" spans="1:28" x14ac:dyDescent="0.4">
      <c r="A12">
        <v>11</v>
      </c>
      <c r="B12">
        <v>1</v>
      </c>
      <c r="C12" t="s">
        <v>19</v>
      </c>
      <c r="D12">
        <v>10</v>
      </c>
      <c r="E12">
        <v>0</v>
      </c>
      <c r="F12">
        <v>0</v>
      </c>
      <c r="G12" s="1">
        <v>45286.992361111108</v>
      </c>
      <c r="H12" s="1">
        <v>45287.075694444444</v>
      </c>
      <c r="I12">
        <v>0</v>
      </c>
      <c r="J12">
        <v>0</v>
      </c>
      <c r="K12">
        <v>0</v>
      </c>
      <c r="L12" t="s">
        <v>20</v>
      </c>
      <c r="M12">
        <v>294526</v>
      </c>
      <c r="N12">
        <v>0</v>
      </c>
      <c r="O12">
        <v>-2207443</v>
      </c>
      <c r="P12">
        <v>-16777216</v>
      </c>
      <c r="Q12">
        <v>0</v>
      </c>
      <c r="R12">
        <v>0</v>
      </c>
      <c r="S12">
        <v>1</v>
      </c>
      <c r="T12">
        <v>1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</row>
    <row r="13" spans="1:28" x14ac:dyDescent="0.4">
      <c r="A13">
        <v>12</v>
      </c>
      <c r="B13">
        <v>1</v>
      </c>
      <c r="C13" t="s">
        <v>21</v>
      </c>
      <c r="D13">
        <v>10</v>
      </c>
      <c r="E13">
        <v>0</v>
      </c>
      <c r="F13">
        <v>0</v>
      </c>
      <c r="G13" s="1">
        <v>45287.451388888891</v>
      </c>
      <c r="H13" s="1">
        <v>45287.576388888891</v>
      </c>
      <c r="I13">
        <v>0</v>
      </c>
      <c r="J13">
        <v>0</v>
      </c>
      <c r="K13">
        <v>0</v>
      </c>
      <c r="L13" t="s">
        <v>22</v>
      </c>
      <c r="M13">
        <v>294533</v>
      </c>
      <c r="N13">
        <v>0</v>
      </c>
      <c r="O13">
        <v>-2207443</v>
      </c>
      <c r="P13">
        <v>-16777216</v>
      </c>
      <c r="Q13">
        <v>0</v>
      </c>
      <c r="R13">
        <v>0</v>
      </c>
      <c r="S13">
        <v>1</v>
      </c>
      <c r="T13">
        <v>1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</row>
    <row r="14" spans="1:28" x14ac:dyDescent="0.4">
      <c r="A14">
        <v>13</v>
      </c>
      <c r="B14">
        <v>1</v>
      </c>
      <c r="C14" t="s">
        <v>23</v>
      </c>
      <c r="D14">
        <v>6</v>
      </c>
      <c r="E14">
        <v>0</v>
      </c>
      <c r="F14">
        <v>0</v>
      </c>
      <c r="G14" s="1">
        <v>45286.729861111111</v>
      </c>
      <c r="H14" s="1">
        <v>45286.805555555555</v>
      </c>
      <c r="I14">
        <v>0</v>
      </c>
      <c r="J14">
        <v>0</v>
      </c>
      <c r="K14">
        <v>0</v>
      </c>
      <c r="L14" t="s">
        <v>12</v>
      </c>
      <c r="M14">
        <v>294505</v>
      </c>
      <c r="N14">
        <v>0</v>
      </c>
      <c r="O14">
        <v>-16748801</v>
      </c>
      <c r="P14">
        <v>-1</v>
      </c>
      <c r="Q14">
        <v>0</v>
      </c>
      <c r="R14">
        <v>0</v>
      </c>
      <c r="S14">
        <v>1</v>
      </c>
      <c r="T14">
        <v>1</v>
      </c>
      <c r="U14">
        <v>0</v>
      </c>
      <c r="V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</row>
    <row r="15" spans="1:28" x14ac:dyDescent="0.4">
      <c r="A15">
        <v>14</v>
      </c>
      <c r="B15">
        <v>1</v>
      </c>
      <c r="C15" t="s">
        <v>24</v>
      </c>
      <c r="D15">
        <v>7</v>
      </c>
      <c r="E15">
        <v>0</v>
      </c>
      <c r="F15">
        <v>0</v>
      </c>
      <c r="G15" s="1">
        <v>45287.438888888886</v>
      </c>
      <c r="H15" s="1">
        <v>45287.605555555558</v>
      </c>
      <c r="I15">
        <v>0</v>
      </c>
      <c r="J15">
        <v>0</v>
      </c>
      <c r="K15">
        <v>0</v>
      </c>
      <c r="L15" t="s">
        <v>25</v>
      </c>
      <c r="M15">
        <v>294531</v>
      </c>
      <c r="N15">
        <v>0</v>
      </c>
      <c r="O15">
        <v>-16748801</v>
      </c>
      <c r="P15">
        <v>-1</v>
      </c>
      <c r="Q15">
        <v>0</v>
      </c>
      <c r="R15">
        <v>0</v>
      </c>
      <c r="S15">
        <v>1</v>
      </c>
      <c r="T15">
        <v>1</v>
      </c>
      <c r="U15">
        <v>0</v>
      </c>
      <c r="V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</row>
    <row r="16" spans="1:28" x14ac:dyDescent="0.4">
      <c r="A16">
        <v>15</v>
      </c>
      <c r="B16">
        <v>1</v>
      </c>
      <c r="C16" t="s">
        <v>26</v>
      </c>
      <c r="D16">
        <v>8</v>
      </c>
      <c r="E16">
        <v>0</v>
      </c>
      <c r="F16">
        <v>0</v>
      </c>
      <c r="G16" s="1">
        <v>45286.694444444445</v>
      </c>
      <c r="H16" s="1">
        <v>45286.823611111111</v>
      </c>
      <c r="I16">
        <v>0</v>
      </c>
      <c r="J16">
        <v>0</v>
      </c>
      <c r="K16">
        <v>0</v>
      </c>
      <c r="L16" t="s">
        <v>27</v>
      </c>
      <c r="M16">
        <v>294501</v>
      </c>
      <c r="N16">
        <v>0</v>
      </c>
      <c r="O16">
        <v>-2207443</v>
      </c>
      <c r="P16">
        <v>-16777216</v>
      </c>
      <c r="Q16">
        <v>0</v>
      </c>
      <c r="R16">
        <v>0</v>
      </c>
      <c r="S16">
        <v>1</v>
      </c>
      <c r="T16">
        <v>1</v>
      </c>
      <c r="U16">
        <v>0</v>
      </c>
      <c r="V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</row>
    <row r="17" spans="1:28" x14ac:dyDescent="0.4">
      <c r="A17">
        <v>16</v>
      </c>
      <c r="B17">
        <v>1</v>
      </c>
      <c r="C17" t="s">
        <v>28</v>
      </c>
      <c r="D17">
        <v>16</v>
      </c>
      <c r="E17">
        <v>0</v>
      </c>
      <c r="F17">
        <v>0</v>
      </c>
      <c r="G17" s="1">
        <v>45286.634722222225</v>
      </c>
      <c r="H17" s="1">
        <v>45286.759722222225</v>
      </c>
      <c r="I17">
        <v>0</v>
      </c>
      <c r="J17">
        <v>0</v>
      </c>
      <c r="K17">
        <v>0</v>
      </c>
      <c r="L17" t="s">
        <v>1</v>
      </c>
      <c r="M17">
        <v>294495</v>
      </c>
      <c r="N17">
        <v>0</v>
      </c>
      <c r="O17">
        <v>-10197505</v>
      </c>
      <c r="P17">
        <v>-16777216</v>
      </c>
      <c r="Q17">
        <v>0</v>
      </c>
      <c r="R17">
        <v>0</v>
      </c>
      <c r="S17">
        <v>1</v>
      </c>
      <c r="T17">
        <v>1</v>
      </c>
      <c r="U17">
        <v>0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</row>
    <row r="18" spans="1:28" x14ac:dyDescent="0.4">
      <c r="A18">
        <v>17</v>
      </c>
      <c r="B18">
        <v>1</v>
      </c>
      <c r="C18" t="s">
        <v>29</v>
      </c>
      <c r="D18">
        <v>8</v>
      </c>
      <c r="E18">
        <v>0</v>
      </c>
      <c r="F18">
        <v>0</v>
      </c>
      <c r="G18" s="1">
        <v>45286.915972222225</v>
      </c>
      <c r="H18" s="1">
        <v>45286.980555555558</v>
      </c>
      <c r="I18">
        <v>0</v>
      </c>
      <c r="J18">
        <v>0</v>
      </c>
      <c r="K18">
        <v>0</v>
      </c>
      <c r="L18" t="s">
        <v>30</v>
      </c>
      <c r="M18">
        <v>294525</v>
      </c>
      <c r="N18">
        <v>0</v>
      </c>
      <c r="O18">
        <v>-2207443</v>
      </c>
      <c r="P18">
        <v>-16777216</v>
      </c>
      <c r="Q18">
        <v>0</v>
      </c>
      <c r="R18">
        <v>0</v>
      </c>
      <c r="S18">
        <v>1</v>
      </c>
      <c r="T18">
        <v>1</v>
      </c>
      <c r="U18">
        <v>0</v>
      </c>
      <c r="V18">
        <v>0</v>
      </c>
      <c r="W18">
        <v>0</v>
      </c>
      <c r="X18">
        <v>0</v>
      </c>
      <c r="Y18">
        <v>0</v>
      </c>
      <c r="Z18">
        <v>0</v>
      </c>
      <c r="AA18">
        <v>0</v>
      </c>
      <c r="AB18">
        <v>0</v>
      </c>
    </row>
    <row r="19" spans="1:28" x14ac:dyDescent="0.4">
      <c r="A19">
        <v>18</v>
      </c>
      <c r="B19">
        <v>1</v>
      </c>
      <c r="C19" t="s">
        <v>31</v>
      </c>
      <c r="D19">
        <v>15</v>
      </c>
      <c r="E19">
        <v>0</v>
      </c>
      <c r="F19">
        <v>0</v>
      </c>
      <c r="G19" s="1">
        <v>45286.873611111114</v>
      </c>
      <c r="H19" s="1">
        <v>45286.920138888891</v>
      </c>
      <c r="I19">
        <v>0</v>
      </c>
      <c r="J19">
        <v>0</v>
      </c>
      <c r="K19">
        <v>0</v>
      </c>
      <c r="L19" t="s">
        <v>32</v>
      </c>
      <c r="M19">
        <v>294521</v>
      </c>
      <c r="N19">
        <v>0</v>
      </c>
      <c r="O19">
        <v>-16748801</v>
      </c>
      <c r="P19">
        <v>-1</v>
      </c>
      <c r="Q19">
        <v>0</v>
      </c>
      <c r="R19">
        <v>0</v>
      </c>
      <c r="S19">
        <v>1</v>
      </c>
      <c r="T19">
        <v>1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</row>
    <row r="20" spans="1:28" x14ac:dyDescent="0.4">
      <c r="A20">
        <v>19</v>
      </c>
      <c r="B20">
        <v>1</v>
      </c>
      <c r="C20" t="s">
        <v>33</v>
      </c>
      <c r="D20">
        <v>15</v>
      </c>
      <c r="E20">
        <v>0</v>
      </c>
      <c r="F20">
        <v>0</v>
      </c>
      <c r="G20" s="1">
        <v>45287.426388888889</v>
      </c>
      <c r="H20" s="1">
        <v>45287.551388888889</v>
      </c>
      <c r="I20">
        <v>0</v>
      </c>
      <c r="J20">
        <v>0</v>
      </c>
      <c r="K20">
        <v>0</v>
      </c>
      <c r="L20" t="s">
        <v>34</v>
      </c>
      <c r="M20">
        <v>294529</v>
      </c>
      <c r="N20">
        <v>0</v>
      </c>
      <c r="O20">
        <v>-16748801</v>
      </c>
      <c r="P20">
        <v>-1</v>
      </c>
      <c r="Q20">
        <v>0</v>
      </c>
      <c r="R20">
        <v>0</v>
      </c>
      <c r="S20">
        <v>1</v>
      </c>
      <c r="T20">
        <v>1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</row>
    <row r="21" spans="1:28" x14ac:dyDescent="0.4">
      <c r="A21">
        <v>20</v>
      </c>
      <c r="B21">
        <v>1</v>
      </c>
      <c r="C21" t="s">
        <v>35</v>
      </c>
      <c r="D21">
        <v>8</v>
      </c>
      <c r="E21">
        <v>0</v>
      </c>
      <c r="F21">
        <v>0</v>
      </c>
      <c r="G21" s="1">
        <v>45286.861805555556</v>
      </c>
      <c r="H21" s="1">
        <v>45286.945138888892</v>
      </c>
      <c r="I21">
        <v>0</v>
      </c>
      <c r="J21">
        <v>0</v>
      </c>
      <c r="K21">
        <v>0</v>
      </c>
      <c r="L21" t="s">
        <v>30</v>
      </c>
      <c r="M21">
        <v>294517</v>
      </c>
      <c r="N21">
        <v>0</v>
      </c>
      <c r="O21">
        <v>-16748801</v>
      </c>
      <c r="P21">
        <v>-1</v>
      </c>
      <c r="Q21">
        <v>0</v>
      </c>
      <c r="R21">
        <v>0</v>
      </c>
      <c r="S21">
        <v>1</v>
      </c>
      <c r="T21">
        <v>1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B88"/>
  <sheetViews>
    <sheetView tabSelected="1" topLeftCell="K49" workbookViewId="0">
      <selection activeCell="K1" sqref="K1:P57"/>
    </sheetView>
  </sheetViews>
  <sheetFormatPr defaultRowHeight="18.75" x14ac:dyDescent="0.4"/>
  <sheetData>
    <row r="1" spans="1:16" x14ac:dyDescent="0.4">
      <c r="A1" t="s">
        <v>36</v>
      </c>
      <c r="B1" t="s">
        <v>37</v>
      </c>
      <c r="C1" t="s">
        <v>38</v>
      </c>
      <c r="D1" t="s">
        <v>39</v>
      </c>
      <c r="E1" t="s">
        <v>40</v>
      </c>
      <c r="F1" t="s">
        <v>41</v>
      </c>
      <c r="K1" t="s">
        <v>36</v>
      </c>
      <c r="L1" t="s">
        <v>37</v>
      </c>
      <c r="M1" t="s">
        <v>38</v>
      </c>
      <c r="N1" t="s">
        <v>39</v>
      </c>
      <c r="O1" t="s">
        <v>40</v>
      </c>
      <c r="P1" t="s">
        <v>41</v>
      </c>
    </row>
    <row r="2" spans="1:16" x14ac:dyDescent="0.4">
      <c r="A2">
        <v>1</v>
      </c>
      <c r="B2" s="2" t="s">
        <v>42</v>
      </c>
      <c r="C2">
        <v>12</v>
      </c>
      <c r="D2" s="2"/>
      <c r="F2" s="2"/>
      <c r="K2">
        <v>1</v>
      </c>
      <c r="L2" s="2" t="s">
        <v>42</v>
      </c>
      <c r="M2">
        <v>12</v>
      </c>
      <c r="N2" s="2"/>
      <c r="P2" s="2"/>
    </row>
    <row r="3" spans="1:16" x14ac:dyDescent="0.4">
      <c r="A3">
        <v>2</v>
      </c>
      <c r="B3" s="2" t="s">
        <v>42</v>
      </c>
      <c r="C3">
        <v>12</v>
      </c>
      <c r="D3" s="2"/>
      <c r="F3" s="2"/>
      <c r="K3">
        <v>2</v>
      </c>
      <c r="L3" s="2" t="s">
        <v>42</v>
      </c>
      <c r="M3">
        <v>12</v>
      </c>
      <c r="N3" s="2"/>
      <c r="P3" s="2"/>
    </row>
    <row r="4" spans="1:16" x14ac:dyDescent="0.4">
      <c r="A4">
        <v>3</v>
      </c>
      <c r="B4" s="2" t="s">
        <v>42</v>
      </c>
      <c r="C4">
        <v>10</v>
      </c>
      <c r="D4" s="2" t="s">
        <v>43</v>
      </c>
      <c r="F4" s="2"/>
      <c r="K4">
        <v>3</v>
      </c>
      <c r="L4" s="2" t="s">
        <v>42</v>
      </c>
      <c r="M4">
        <v>10</v>
      </c>
      <c r="N4" s="2" t="s">
        <v>43</v>
      </c>
      <c r="P4" s="2"/>
    </row>
    <row r="5" spans="1:16" x14ac:dyDescent="0.4">
      <c r="A5">
        <v>4</v>
      </c>
      <c r="B5" s="2" t="s">
        <v>42</v>
      </c>
      <c r="C5">
        <v>12</v>
      </c>
      <c r="D5" s="2"/>
      <c r="F5" s="2"/>
      <c r="K5">
        <v>4</v>
      </c>
      <c r="L5" s="2" t="s">
        <v>42</v>
      </c>
      <c r="M5">
        <v>12</v>
      </c>
      <c r="N5" s="2"/>
      <c r="P5" s="2"/>
    </row>
    <row r="6" spans="1:16" x14ac:dyDescent="0.4">
      <c r="A6">
        <v>5</v>
      </c>
      <c r="B6" s="2" t="s">
        <v>42</v>
      </c>
      <c r="C6">
        <v>12</v>
      </c>
      <c r="D6" s="2"/>
      <c r="F6" s="2"/>
      <c r="K6">
        <v>5</v>
      </c>
      <c r="L6" s="2" t="s">
        <v>42</v>
      </c>
      <c r="M6">
        <v>12</v>
      </c>
      <c r="N6" s="2"/>
      <c r="P6" s="2"/>
    </row>
    <row r="7" spans="1:16" x14ac:dyDescent="0.4">
      <c r="A7">
        <v>6</v>
      </c>
      <c r="B7" s="2" t="s">
        <v>42</v>
      </c>
      <c r="C7">
        <v>12</v>
      </c>
      <c r="D7" s="2"/>
      <c r="F7" s="2"/>
      <c r="K7">
        <v>6</v>
      </c>
      <c r="L7" s="2" t="s">
        <v>42</v>
      </c>
      <c r="M7">
        <v>12</v>
      </c>
      <c r="N7" s="2"/>
      <c r="P7" s="2"/>
    </row>
    <row r="8" spans="1:16" x14ac:dyDescent="0.4">
      <c r="A8">
        <v>7</v>
      </c>
      <c r="B8" s="2" t="s">
        <v>42</v>
      </c>
      <c r="C8">
        <v>24</v>
      </c>
      <c r="D8" s="2"/>
      <c r="F8" s="2"/>
      <c r="K8">
        <v>7</v>
      </c>
      <c r="L8" s="2" t="s">
        <v>42</v>
      </c>
      <c r="M8">
        <v>24</v>
      </c>
      <c r="N8" s="2"/>
      <c r="P8" s="2"/>
    </row>
    <row r="9" spans="1:16" x14ac:dyDescent="0.4">
      <c r="A9">
        <v>8</v>
      </c>
      <c r="B9" s="2" t="s">
        <v>42</v>
      </c>
      <c r="C9">
        <v>24</v>
      </c>
      <c r="D9" s="2"/>
      <c r="F9" s="2"/>
      <c r="K9">
        <v>8</v>
      </c>
      <c r="L9" s="2" t="s">
        <v>42</v>
      </c>
      <c r="M9">
        <v>24</v>
      </c>
      <c r="N9" s="2"/>
      <c r="P9" s="2"/>
    </row>
    <row r="10" spans="1:16" x14ac:dyDescent="0.4">
      <c r="A10">
        <v>9</v>
      </c>
      <c r="B10" s="2" t="s">
        <v>42</v>
      </c>
      <c r="C10">
        <v>12</v>
      </c>
      <c r="D10" s="2"/>
      <c r="F10" s="2"/>
      <c r="K10">
        <v>9</v>
      </c>
      <c r="L10" s="2" t="s">
        <v>42</v>
      </c>
      <c r="M10">
        <v>12</v>
      </c>
      <c r="N10" s="2"/>
      <c r="P10" s="2"/>
    </row>
    <row r="11" spans="1:16" x14ac:dyDescent="0.4">
      <c r="A11">
        <v>10</v>
      </c>
      <c r="B11" s="2" t="s">
        <v>42</v>
      </c>
      <c r="C11">
        <v>12</v>
      </c>
      <c r="D11" s="2"/>
      <c r="F11" s="2"/>
      <c r="K11">
        <v>10</v>
      </c>
      <c r="L11" s="2" t="s">
        <v>42</v>
      </c>
      <c r="M11">
        <v>12</v>
      </c>
      <c r="N11" s="2"/>
      <c r="P11" s="2"/>
    </row>
    <row r="12" spans="1:16" x14ac:dyDescent="0.4">
      <c r="A12">
        <v>11</v>
      </c>
      <c r="B12" s="2" t="s">
        <v>42</v>
      </c>
      <c r="C12">
        <v>12</v>
      </c>
      <c r="D12" s="2"/>
      <c r="F12" s="2"/>
      <c r="K12">
        <v>11</v>
      </c>
      <c r="L12" s="2" t="s">
        <v>42</v>
      </c>
      <c r="M12">
        <v>12</v>
      </c>
      <c r="N12" s="2"/>
      <c r="P12" s="2"/>
    </row>
    <row r="13" spans="1:16" x14ac:dyDescent="0.4">
      <c r="A13">
        <v>12</v>
      </c>
      <c r="B13" s="2" t="s">
        <v>42</v>
      </c>
      <c r="C13">
        <v>26</v>
      </c>
      <c r="D13" s="2" t="s">
        <v>43</v>
      </c>
      <c r="F13" s="2"/>
      <c r="K13">
        <v>12</v>
      </c>
      <c r="L13" s="2" t="s">
        <v>42</v>
      </c>
      <c r="M13">
        <v>26</v>
      </c>
      <c r="N13" s="2" t="s">
        <v>43</v>
      </c>
      <c r="P13" s="2"/>
    </row>
    <row r="14" spans="1:16" x14ac:dyDescent="0.4">
      <c r="A14">
        <v>13</v>
      </c>
      <c r="B14" s="2" t="s">
        <v>42</v>
      </c>
      <c r="C14">
        <v>12</v>
      </c>
      <c r="D14" s="2"/>
      <c r="F14" s="2"/>
      <c r="K14">
        <v>13</v>
      </c>
      <c r="L14" s="2" t="s">
        <v>42</v>
      </c>
      <c r="M14">
        <v>12</v>
      </c>
      <c r="N14" s="2"/>
      <c r="P14" s="2"/>
    </row>
    <row r="15" spans="1:16" x14ac:dyDescent="0.4">
      <c r="A15">
        <v>14</v>
      </c>
      <c r="B15" s="2" t="s">
        <v>42</v>
      </c>
      <c r="C15">
        <v>12</v>
      </c>
      <c r="D15" s="2"/>
      <c r="F15" s="2"/>
      <c r="K15">
        <v>14</v>
      </c>
      <c r="L15" s="2" t="s">
        <v>42</v>
      </c>
      <c r="M15">
        <v>12</v>
      </c>
      <c r="N15" s="2"/>
      <c r="P15" s="2"/>
    </row>
    <row r="16" spans="1:16" x14ac:dyDescent="0.4">
      <c r="A16">
        <v>15</v>
      </c>
      <c r="B16" s="2" t="s">
        <v>42</v>
      </c>
      <c r="C16">
        <v>12</v>
      </c>
      <c r="D16" s="2"/>
      <c r="F16" s="2"/>
      <c r="K16">
        <v>15</v>
      </c>
      <c r="L16" s="2" t="s">
        <v>42</v>
      </c>
      <c r="M16">
        <v>12</v>
      </c>
      <c r="N16" s="2"/>
      <c r="P16" s="2"/>
    </row>
    <row r="17" spans="1:16" x14ac:dyDescent="0.4">
      <c r="A17">
        <v>16</v>
      </c>
      <c r="B17" s="2" t="s">
        <v>42</v>
      </c>
      <c r="C17">
        <v>12</v>
      </c>
      <c r="D17" s="2"/>
      <c r="F17" s="2"/>
      <c r="K17">
        <v>16</v>
      </c>
      <c r="L17" s="2" t="s">
        <v>42</v>
      </c>
      <c r="M17">
        <v>12</v>
      </c>
      <c r="N17" s="2"/>
      <c r="P17" s="2"/>
    </row>
    <row r="18" spans="1:16" x14ac:dyDescent="0.4">
      <c r="A18">
        <v>17</v>
      </c>
      <c r="B18" s="2" t="s">
        <v>42</v>
      </c>
      <c r="C18">
        <v>12</v>
      </c>
      <c r="D18" s="2"/>
      <c r="F18" s="2"/>
      <c r="K18">
        <v>17</v>
      </c>
      <c r="L18" s="2" t="s">
        <v>42</v>
      </c>
      <c r="M18">
        <v>12</v>
      </c>
      <c r="N18" s="2"/>
      <c r="P18" s="2"/>
    </row>
    <row r="19" spans="1:16" x14ac:dyDescent="0.4">
      <c r="A19">
        <v>18</v>
      </c>
      <c r="B19" s="2" t="s">
        <v>42</v>
      </c>
      <c r="C19">
        <v>12</v>
      </c>
      <c r="D19" s="2"/>
      <c r="F19" s="2"/>
      <c r="K19">
        <v>18</v>
      </c>
      <c r="L19" s="2" t="s">
        <v>42</v>
      </c>
      <c r="M19">
        <v>12</v>
      </c>
      <c r="N19" s="2"/>
      <c r="P19" s="2"/>
    </row>
    <row r="20" spans="1:16" x14ac:dyDescent="0.4">
      <c r="A20">
        <v>19</v>
      </c>
      <c r="B20" s="2" t="s">
        <v>42</v>
      </c>
      <c r="C20">
        <v>3</v>
      </c>
      <c r="D20" s="2"/>
      <c r="F20" s="2"/>
      <c r="K20">
        <v>19</v>
      </c>
      <c r="L20" s="2" t="s">
        <v>42</v>
      </c>
      <c r="M20">
        <v>3</v>
      </c>
      <c r="N20" s="2"/>
      <c r="P20" s="2"/>
    </row>
    <row r="21" spans="1:16" x14ac:dyDescent="0.4">
      <c r="A21">
        <v>20</v>
      </c>
      <c r="B21" s="2" t="s">
        <v>42</v>
      </c>
      <c r="C21">
        <v>3</v>
      </c>
      <c r="D21" s="2"/>
      <c r="F21" s="2"/>
      <c r="K21">
        <v>20</v>
      </c>
      <c r="L21" s="2" t="s">
        <v>42</v>
      </c>
      <c r="M21">
        <v>3</v>
      </c>
      <c r="N21" s="2"/>
      <c r="P21" s="2"/>
    </row>
    <row r="22" spans="1:16" x14ac:dyDescent="0.4">
      <c r="A22">
        <v>21</v>
      </c>
      <c r="B22" s="2" t="s">
        <v>42</v>
      </c>
      <c r="C22">
        <v>3</v>
      </c>
      <c r="D22" s="2"/>
      <c r="F22" s="2"/>
      <c r="K22">
        <v>21</v>
      </c>
      <c r="L22" s="2" t="s">
        <v>42</v>
      </c>
      <c r="M22">
        <v>3</v>
      </c>
      <c r="N22" s="2"/>
      <c r="P22" s="2"/>
    </row>
    <row r="23" spans="1:16" x14ac:dyDescent="0.4">
      <c r="A23">
        <v>22</v>
      </c>
      <c r="B23" s="2" t="s">
        <v>42</v>
      </c>
      <c r="C23">
        <v>3</v>
      </c>
      <c r="D23" s="2"/>
      <c r="F23" s="2"/>
      <c r="K23">
        <v>22</v>
      </c>
      <c r="L23" s="2" t="s">
        <v>42</v>
      </c>
      <c r="M23">
        <v>3</v>
      </c>
      <c r="N23" s="2"/>
      <c r="P23" s="2"/>
    </row>
    <row r="24" spans="1:16" x14ac:dyDescent="0.4">
      <c r="A24">
        <v>23</v>
      </c>
      <c r="B24" s="2" t="s">
        <v>42</v>
      </c>
      <c r="C24">
        <v>3</v>
      </c>
      <c r="D24" s="2"/>
      <c r="F24" s="2"/>
      <c r="K24">
        <v>23</v>
      </c>
      <c r="L24" s="2" t="s">
        <v>42</v>
      </c>
      <c r="M24">
        <v>3</v>
      </c>
      <c r="N24" s="2"/>
      <c r="P24" s="2"/>
    </row>
    <row r="25" spans="1:16" x14ac:dyDescent="0.4">
      <c r="A25">
        <v>24</v>
      </c>
      <c r="B25" s="2" t="s">
        <v>42</v>
      </c>
      <c r="C25">
        <v>3</v>
      </c>
      <c r="D25" s="2"/>
      <c r="F25" s="2"/>
      <c r="K25">
        <v>24</v>
      </c>
      <c r="L25" s="2" t="s">
        <v>42</v>
      </c>
      <c r="M25">
        <v>3</v>
      </c>
      <c r="N25" s="2"/>
      <c r="P25" s="2"/>
    </row>
    <row r="26" spans="1:16" x14ac:dyDescent="0.4">
      <c r="A26">
        <v>25</v>
      </c>
      <c r="B26" s="2" t="s">
        <v>42</v>
      </c>
      <c r="C26">
        <v>3</v>
      </c>
      <c r="D26" s="2"/>
      <c r="F26" s="2"/>
      <c r="K26">
        <v>25</v>
      </c>
      <c r="L26" s="2" t="s">
        <v>42</v>
      </c>
      <c r="M26">
        <v>3</v>
      </c>
      <c r="N26" s="2"/>
      <c r="P26" s="2"/>
    </row>
    <row r="27" spans="1:16" x14ac:dyDescent="0.4">
      <c r="A27">
        <v>26</v>
      </c>
      <c r="B27" s="2" t="s">
        <v>42</v>
      </c>
      <c r="C27">
        <v>3</v>
      </c>
      <c r="D27" s="2"/>
      <c r="F27" s="2"/>
      <c r="K27">
        <v>26</v>
      </c>
      <c r="L27" s="2" t="s">
        <v>42</v>
      </c>
      <c r="M27">
        <v>3</v>
      </c>
      <c r="N27" s="2"/>
      <c r="P27" s="2"/>
    </row>
    <row r="28" spans="1:16" x14ac:dyDescent="0.4">
      <c r="A28">
        <v>27</v>
      </c>
      <c r="B28" s="2" t="s">
        <v>42</v>
      </c>
      <c r="C28">
        <v>3</v>
      </c>
      <c r="D28" s="2"/>
      <c r="F28" s="2"/>
      <c r="K28">
        <v>27</v>
      </c>
      <c r="L28" s="2" t="s">
        <v>42</v>
      </c>
      <c r="M28">
        <v>3</v>
      </c>
      <c r="N28" s="2"/>
      <c r="P28" s="2"/>
    </row>
    <row r="29" spans="1:16" x14ac:dyDescent="0.4">
      <c r="A29">
        <v>28</v>
      </c>
      <c r="B29" s="2" t="s">
        <v>44</v>
      </c>
      <c r="C29">
        <v>3</v>
      </c>
      <c r="D29" s="2"/>
      <c r="F29" s="2"/>
      <c r="K29">
        <v>28</v>
      </c>
      <c r="L29" s="2" t="s">
        <v>44</v>
      </c>
      <c r="M29">
        <v>3</v>
      </c>
      <c r="N29" s="2"/>
      <c r="P29" s="2"/>
    </row>
    <row r="30" spans="1:16" x14ac:dyDescent="0.4">
      <c r="B30" s="2"/>
      <c r="D30" s="2"/>
      <c r="E30">
        <v>1</v>
      </c>
      <c r="F30" s="2" t="s">
        <v>45</v>
      </c>
      <c r="L30" s="2"/>
      <c r="N30" s="2"/>
      <c r="O30">
        <v>1</v>
      </c>
      <c r="P30" s="2" t="s">
        <v>45</v>
      </c>
    </row>
    <row r="31" spans="1:16" x14ac:dyDescent="0.4">
      <c r="B31" s="2"/>
      <c r="D31" s="2"/>
      <c r="E31">
        <v>2</v>
      </c>
      <c r="F31" s="2" t="s">
        <v>46</v>
      </c>
      <c r="L31" s="2"/>
      <c r="N31" s="2"/>
      <c r="O31">
        <v>2</v>
      </c>
      <c r="P31" s="2" t="s">
        <v>46</v>
      </c>
    </row>
    <row r="32" spans="1:16" x14ac:dyDescent="0.4">
      <c r="B32" s="2"/>
      <c r="D32" s="2"/>
      <c r="E32">
        <v>3</v>
      </c>
      <c r="F32" s="2" t="s">
        <v>47</v>
      </c>
      <c r="L32" s="2"/>
      <c r="N32" s="2"/>
      <c r="O32">
        <v>3</v>
      </c>
      <c r="P32" s="2" t="s">
        <v>47</v>
      </c>
    </row>
    <row r="33" spans="2:16" x14ac:dyDescent="0.4">
      <c r="B33" s="2"/>
      <c r="D33" s="2"/>
      <c r="E33">
        <v>4</v>
      </c>
      <c r="F33" s="2" t="s">
        <v>48</v>
      </c>
      <c r="L33" s="2"/>
      <c r="N33" s="2"/>
      <c r="O33">
        <v>4</v>
      </c>
      <c r="P33" s="2" t="s">
        <v>48</v>
      </c>
    </row>
    <row r="34" spans="2:16" x14ac:dyDescent="0.4">
      <c r="B34" s="2"/>
      <c r="D34" s="2"/>
      <c r="E34">
        <v>5</v>
      </c>
      <c r="F34" s="2" t="s">
        <v>49</v>
      </c>
      <c r="L34" s="2"/>
      <c r="N34" s="2"/>
      <c r="O34">
        <v>5</v>
      </c>
      <c r="P34" s="2" t="s">
        <v>49</v>
      </c>
    </row>
    <row r="35" spans="2:16" x14ac:dyDescent="0.4">
      <c r="B35" s="2"/>
      <c r="D35" s="2"/>
      <c r="E35">
        <v>6</v>
      </c>
      <c r="F35" s="2" t="s">
        <v>50</v>
      </c>
      <c r="L35" s="2"/>
      <c r="N35" s="2"/>
      <c r="O35">
        <v>6</v>
      </c>
      <c r="P35" s="2" t="s">
        <v>50</v>
      </c>
    </row>
    <row r="36" spans="2:16" x14ac:dyDescent="0.4">
      <c r="B36" s="2"/>
      <c r="D36" s="2"/>
      <c r="E36">
        <v>7</v>
      </c>
      <c r="F36" s="2" t="s">
        <v>51</v>
      </c>
      <c r="L36" s="2"/>
      <c r="N36" s="2"/>
      <c r="O36">
        <v>7</v>
      </c>
      <c r="P36" s="2" t="s">
        <v>51</v>
      </c>
    </row>
    <row r="37" spans="2:16" x14ac:dyDescent="0.4">
      <c r="B37" s="2"/>
      <c r="D37" s="2"/>
      <c r="E37">
        <v>8</v>
      </c>
      <c r="F37" s="2" t="s">
        <v>52</v>
      </c>
      <c r="L37" s="2"/>
      <c r="N37" s="2"/>
      <c r="O37">
        <v>8</v>
      </c>
      <c r="P37" s="2" t="s">
        <v>52</v>
      </c>
    </row>
    <row r="38" spans="2:16" x14ac:dyDescent="0.4">
      <c r="B38" s="2"/>
      <c r="D38" s="2"/>
      <c r="E38">
        <v>9</v>
      </c>
      <c r="F38" s="2" t="s">
        <v>53</v>
      </c>
      <c r="L38" s="2"/>
      <c r="N38" s="2"/>
      <c r="O38">
        <v>9</v>
      </c>
      <c r="P38" s="2" t="s">
        <v>53</v>
      </c>
    </row>
    <row r="39" spans="2:16" x14ac:dyDescent="0.4">
      <c r="B39" s="2"/>
      <c r="D39" s="2"/>
      <c r="E39">
        <v>10</v>
      </c>
      <c r="F39" s="2" t="s">
        <v>54</v>
      </c>
      <c r="L39" s="2"/>
      <c r="N39" s="2"/>
      <c r="O39">
        <v>10</v>
      </c>
      <c r="P39" s="2" t="s">
        <v>54</v>
      </c>
    </row>
    <row r="40" spans="2:16" x14ac:dyDescent="0.4">
      <c r="B40" s="2"/>
      <c r="D40" s="2"/>
      <c r="E40">
        <v>11</v>
      </c>
      <c r="F40" s="2" t="s">
        <v>55</v>
      </c>
      <c r="L40" s="2"/>
      <c r="N40" s="2"/>
      <c r="O40">
        <v>11</v>
      </c>
      <c r="P40" s="2" t="s">
        <v>55</v>
      </c>
    </row>
    <row r="41" spans="2:16" x14ac:dyDescent="0.4">
      <c r="B41" s="2"/>
      <c r="D41" s="2"/>
      <c r="E41">
        <v>12</v>
      </c>
      <c r="F41" s="2" t="s">
        <v>56</v>
      </c>
      <c r="L41" s="2"/>
      <c r="N41" s="2"/>
      <c r="O41">
        <v>12</v>
      </c>
      <c r="P41" s="2" t="s">
        <v>56</v>
      </c>
    </row>
    <row r="42" spans="2:16" x14ac:dyDescent="0.4">
      <c r="B42" s="2"/>
      <c r="D42" s="2"/>
      <c r="E42">
        <v>13</v>
      </c>
      <c r="F42" s="2" t="s">
        <v>57</v>
      </c>
      <c r="L42" s="2"/>
      <c r="N42" s="2"/>
      <c r="O42">
        <v>13</v>
      </c>
      <c r="P42" s="2" t="s">
        <v>57</v>
      </c>
    </row>
    <row r="43" spans="2:16" x14ac:dyDescent="0.4">
      <c r="B43" s="2"/>
      <c r="D43" s="2"/>
      <c r="E43">
        <v>14</v>
      </c>
      <c r="F43" s="2" t="s">
        <v>58</v>
      </c>
      <c r="L43" s="2"/>
      <c r="N43" s="2"/>
      <c r="O43">
        <v>14</v>
      </c>
      <c r="P43" s="2" t="s">
        <v>58</v>
      </c>
    </row>
    <row r="44" spans="2:16" x14ac:dyDescent="0.4">
      <c r="B44" s="2"/>
      <c r="D44" s="2"/>
      <c r="E44">
        <v>15</v>
      </c>
      <c r="F44" s="2" t="s">
        <v>59</v>
      </c>
      <c r="L44" s="2"/>
      <c r="N44" s="2"/>
      <c r="O44">
        <v>15</v>
      </c>
      <c r="P44" s="2" t="s">
        <v>59</v>
      </c>
    </row>
    <row r="45" spans="2:16" x14ac:dyDescent="0.4">
      <c r="B45" s="2"/>
      <c r="D45" s="2"/>
      <c r="E45">
        <v>16</v>
      </c>
      <c r="F45" s="2" t="s">
        <v>60</v>
      </c>
      <c r="L45" s="2"/>
      <c r="N45" s="2"/>
      <c r="O45">
        <v>16</v>
      </c>
      <c r="P45" s="2" t="s">
        <v>60</v>
      </c>
    </row>
    <row r="46" spans="2:16" x14ac:dyDescent="0.4">
      <c r="B46" s="2"/>
      <c r="D46" s="2"/>
      <c r="E46">
        <v>17</v>
      </c>
      <c r="F46" s="2" t="s">
        <v>61</v>
      </c>
      <c r="L46" s="2"/>
      <c r="N46" s="2"/>
      <c r="O46">
        <v>17</v>
      </c>
      <c r="P46" s="2" t="s">
        <v>61</v>
      </c>
    </row>
    <row r="47" spans="2:16" x14ac:dyDescent="0.4">
      <c r="B47" s="2"/>
      <c r="D47" s="2"/>
      <c r="E47">
        <v>18</v>
      </c>
      <c r="F47" s="2" t="s">
        <v>62</v>
      </c>
      <c r="L47" s="2"/>
      <c r="N47" s="2"/>
      <c r="O47">
        <v>18</v>
      </c>
      <c r="P47" s="2" t="s">
        <v>62</v>
      </c>
    </row>
    <row r="48" spans="2:16" x14ac:dyDescent="0.4">
      <c r="B48" s="2"/>
      <c r="D48" s="2"/>
      <c r="E48">
        <v>19</v>
      </c>
      <c r="F48" s="2" t="s">
        <v>63</v>
      </c>
      <c r="L48" s="2"/>
      <c r="N48" s="2"/>
      <c r="O48">
        <v>19</v>
      </c>
      <c r="P48" s="2" t="s">
        <v>63</v>
      </c>
    </row>
    <row r="49" spans="1:28" x14ac:dyDescent="0.4">
      <c r="B49" s="2"/>
      <c r="D49" s="2"/>
      <c r="E49">
        <v>20</v>
      </c>
      <c r="F49" s="2" t="s">
        <v>64</v>
      </c>
      <c r="L49" s="2"/>
      <c r="N49" s="2"/>
      <c r="O49">
        <v>20</v>
      </c>
      <c r="P49" s="2" t="s">
        <v>64</v>
      </c>
    </row>
    <row r="50" spans="1:28" x14ac:dyDescent="0.4">
      <c r="B50" s="2"/>
      <c r="D50" s="2"/>
      <c r="E50">
        <v>21</v>
      </c>
      <c r="F50" s="2" t="s">
        <v>65</v>
      </c>
      <c r="L50" s="2"/>
      <c r="N50" s="2"/>
      <c r="O50">
        <v>21</v>
      </c>
      <c r="P50" s="2" t="s">
        <v>65</v>
      </c>
    </row>
    <row r="51" spans="1:28" x14ac:dyDescent="0.4">
      <c r="B51" s="2"/>
      <c r="D51" s="2"/>
      <c r="E51">
        <v>22</v>
      </c>
      <c r="F51" s="2" t="s">
        <v>66</v>
      </c>
      <c r="L51" s="2"/>
      <c r="N51" s="2"/>
      <c r="O51">
        <v>22</v>
      </c>
      <c r="P51" s="2" t="s">
        <v>66</v>
      </c>
    </row>
    <row r="52" spans="1:28" x14ac:dyDescent="0.4">
      <c r="B52" s="2"/>
      <c r="D52" s="2"/>
      <c r="E52">
        <v>23</v>
      </c>
      <c r="F52" s="2" t="s">
        <v>67</v>
      </c>
      <c r="L52" s="2"/>
      <c r="N52" s="2"/>
      <c r="O52">
        <v>23</v>
      </c>
      <c r="P52" s="2" t="s">
        <v>67</v>
      </c>
    </row>
    <row r="53" spans="1:28" x14ac:dyDescent="0.4">
      <c r="B53" s="2"/>
      <c r="D53" s="2"/>
      <c r="E53">
        <v>24</v>
      </c>
      <c r="F53" s="2" t="s">
        <v>68</v>
      </c>
      <c r="L53" s="2"/>
      <c r="N53" s="2"/>
      <c r="O53">
        <v>24</v>
      </c>
      <c r="P53" s="2" t="s">
        <v>68</v>
      </c>
    </row>
    <row r="54" spans="1:28" x14ac:dyDescent="0.4">
      <c r="B54" s="2"/>
      <c r="D54" s="2"/>
      <c r="E54">
        <v>25</v>
      </c>
      <c r="F54" s="2" t="s">
        <v>69</v>
      </c>
      <c r="L54" s="2"/>
      <c r="N54" s="2"/>
      <c r="O54">
        <v>25</v>
      </c>
      <c r="P54" s="2" t="s">
        <v>69</v>
      </c>
    </row>
    <row r="55" spans="1:28" x14ac:dyDescent="0.4">
      <c r="B55" s="2"/>
      <c r="D55" s="2"/>
      <c r="E55">
        <v>26</v>
      </c>
      <c r="F55" s="2" t="s">
        <v>70</v>
      </c>
      <c r="L55" s="2"/>
      <c r="N55" s="2"/>
      <c r="O55">
        <v>26</v>
      </c>
      <c r="P55" s="2" t="s">
        <v>70</v>
      </c>
    </row>
    <row r="56" spans="1:28" x14ac:dyDescent="0.4">
      <c r="B56" s="2"/>
      <c r="D56" s="2"/>
      <c r="E56">
        <v>27</v>
      </c>
      <c r="F56" s="2" t="s">
        <v>71</v>
      </c>
      <c r="L56" s="2"/>
      <c r="N56" s="2"/>
      <c r="O56">
        <v>27</v>
      </c>
      <c r="P56" s="2" t="s">
        <v>71</v>
      </c>
    </row>
    <row r="57" spans="1:28" x14ac:dyDescent="0.4">
      <c r="B57" s="2"/>
      <c r="D57" s="2"/>
      <c r="E57">
        <v>28</v>
      </c>
      <c r="F57" s="2" t="s">
        <v>72</v>
      </c>
      <c r="L57" s="2"/>
      <c r="N57" s="2"/>
      <c r="O57">
        <v>28</v>
      </c>
      <c r="P57" s="2" t="s">
        <v>72</v>
      </c>
    </row>
    <row r="61" spans="1:28" x14ac:dyDescent="0.4">
      <c r="A61" s="3" t="s">
        <v>45</v>
      </c>
      <c r="B61" s="4" t="s">
        <v>46</v>
      </c>
      <c r="C61" s="3" t="s">
        <v>47</v>
      </c>
      <c r="D61" s="4" t="s">
        <v>48</v>
      </c>
      <c r="E61" s="3" t="s">
        <v>49</v>
      </c>
      <c r="F61" s="4" t="s">
        <v>50</v>
      </c>
      <c r="G61" s="3" t="s">
        <v>51</v>
      </c>
      <c r="H61" s="4" t="s">
        <v>52</v>
      </c>
      <c r="I61" s="3" t="s">
        <v>53</v>
      </c>
      <c r="J61" s="4" t="s">
        <v>54</v>
      </c>
      <c r="K61" s="3" t="s">
        <v>55</v>
      </c>
      <c r="L61" s="4" t="s">
        <v>56</v>
      </c>
      <c r="M61" s="3" t="s">
        <v>57</v>
      </c>
      <c r="N61" s="4" t="s">
        <v>58</v>
      </c>
      <c r="O61" s="3" t="s">
        <v>59</v>
      </c>
      <c r="P61" s="4" t="s">
        <v>60</v>
      </c>
      <c r="Q61" s="3" t="s">
        <v>61</v>
      </c>
      <c r="R61" s="4" t="s">
        <v>62</v>
      </c>
      <c r="S61" s="3" t="s">
        <v>63</v>
      </c>
      <c r="T61" s="4" t="s">
        <v>64</v>
      </c>
      <c r="U61" s="3" t="s">
        <v>65</v>
      </c>
      <c r="V61" s="4" t="s">
        <v>66</v>
      </c>
      <c r="W61" s="3" t="s">
        <v>67</v>
      </c>
      <c r="X61" s="4" t="s">
        <v>68</v>
      </c>
      <c r="Y61" s="3" t="s">
        <v>69</v>
      </c>
      <c r="Z61" s="4" t="s">
        <v>70</v>
      </c>
      <c r="AA61" s="3" t="s">
        <v>71</v>
      </c>
      <c r="AB61" s="4" t="s">
        <v>72</v>
      </c>
    </row>
    <row r="62" spans="1:28" x14ac:dyDescent="0.4">
      <c r="A62" s="3" t="s">
        <v>45</v>
      </c>
      <c r="B62" s="4" t="s">
        <v>46</v>
      </c>
      <c r="C62" s="3" t="s">
        <v>47</v>
      </c>
      <c r="D62" s="4" t="s">
        <v>48</v>
      </c>
      <c r="E62" s="3" t="s">
        <v>49</v>
      </c>
      <c r="F62" s="4" t="s">
        <v>50</v>
      </c>
      <c r="G62" s="3" t="s">
        <v>51</v>
      </c>
      <c r="H62" s="4" t="s">
        <v>52</v>
      </c>
      <c r="I62" s="3" t="s">
        <v>53</v>
      </c>
      <c r="J62" s="4" t="s">
        <v>54</v>
      </c>
      <c r="K62" s="3" t="s">
        <v>55</v>
      </c>
      <c r="L62" s="4" t="s">
        <v>56</v>
      </c>
      <c r="M62" s="3" t="s">
        <v>57</v>
      </c>
      <c r="N62" s="4" t="s">
        <v>58</v>
      </c>
      <c r="O62" s="3" t="s">
        <v>59</v>
      </c>
      <c r="P62" s="4" t="s">
        <v>60</v>
      </c>
      <c r="Q62" s="3" t="s">
        <v>61</v>
      </c>
      <c r="R62" s="4" t="s">
        <v>62</v>
      </c>
      <c r="S62" s="3" t="s">
        <v>63</v>
      </c>
      <c r="T62" s="4" t="s">
        <v>64</v>
      </c>
      <c r="U62" s="3" t="s">
        <v>65</v>
      </c>
      <c r="V62" s="4" t="s">
        <v>66</v>
      </c>
      <c r="W62" s="3" t="s">
        <v>67</v>
      </c>
      <c r="X62" s="4" t="s">
        <v>68</v>
      </c>
      <c r="Y62" s="3" t="s">
        <v>69</v>
      </c>
      <c r="Z62" s="4" t="s">
        <v>70</v>
      </c>
      <c r="AA62" s="3" t="s">
        <v>71</v>
      </c>
      <c r="AB62" s="4" t="s">
        <v>72</v>
      </c>
    </row>
    <row r="63" spans="1:28" x14ac:dyDescent="0.4">
      <c r="A63" s="3" t="s">
        <v>45</v>
      </c>
      <c r="B63" s="4" t="s">
        <v>46</v>
      </c>
      <c r="C63" s="3" t="s">
        <v>47</v>
      </c>
      <c r="D63" s="4" t="s">
        <v>48</v>
      </c>
      <c r="E63" s="3" t="s">
        <v>49</v>
      </c>
      <c r="F63" s="4" t="s">
        <v>50</v>
      </c>
      <c r="G63" s="3" t="s">
        <v>51</v>
      </c>
      <c r="H63" s="4" t="s">
        <v>52</v>
      </c>
      <c r="I63" s="3" t="s">
        <v>53</v>
      </c>
      <c r="J63" s="4" t="s">
        <v>54</v>
      </c>
      <c r="K63" s="3" t="s">
        <v>55</v>
      </c>
      <c r="L63" s="4" t="s">
        <v>56</v>
      </c>
      <c r="M63" s="3" t="s">
        <v>57</v>
      </c>
      <c r="N63" s="4" t="s">
        <v>58</v>
      </c>
      <c r="O63" s="3" t="s">
        <v>59</v>
      </c>
      <c r="P63" s="4" t="s">
        <v>60</v>
      </c>
      <c r="Q63" s="3" t="s">
        <v>61</v>
      </c>
      <c r="R63" s="4" t="s">
        <v>62</v>
      </c>
      <c r="S63" s="3" t="s">
        <v>63</v>
      </c>
      <c r="T63" s="4" t="s">
        <v>64</v>
      </c>
      <c r="U63" s="3" t="s">
        <v>65</v>
      </c>
      <c r="V63" s="4" t="s">
        <v>66</v>
      </c>
      <c r="W63" s="3" t="s">
        <v>67</v>
      </c>
      <c r="X63" s="4" t="s">
        <v>68</v>
      </c>
      <c r="Y63" s="3" t="s">
        <v>69</v>
      </c>
      <c r="Z63" s="4" t="s">
        <v>70</v>
      </c>
      <c r="AA63" s="3" t="s">
        <v>71</v>
      </c>
      <c r="AB63" s="4" t="s">
        <v>72</v>
      </c>
    </row>
    <row r="64" spans="1:28" x14ac:dyDescent="0.4">
      <c r="A64" s="3" t="s">
        <v>45</v>
      </c>
      <c r="B64" s="4" t="s">
        <v>46</v>
      </c>
      <c r="C64" s="3" t="s">
        <v>47</v>
      </c>
      <c r="D64" s="4" t="s">
        <v>48</v>
      </c>
      <c r="E64" s="3" t="s">
        <v>49</v>
      </c>
      <c r="F64" s="4" t="s">
        <v>50</v>
      </c>
      <c r="G64" s="3" t="s">
        <v>51</v>
      </c>
      <c r="H64" s="4" t="s">
        <v>52</v>
      </c>
      <c r="I64" s="3" t="s">
        <v>53</v>
      </c>
      <c r="J64" s="4" t="s">
        <v>54</v>
      </c>
      <c r="K64" s="3" t="s">
        <v>55</v>
      </c>
      <c r="L64" s="4" t="s">
        <v>56</v>
      </c>
      <c r="M64" s="3" t="s">
        <v>57</v>
      </c>
      <c r="N64" s="4" t="s">
        <v>58</v>
      </c>
      <c r="O64" s="3" t="s">
        <v>59</v>
      </c>
      <c r="P64" s="4" t="s">
        <v>60</v>
      </c>
      <c r="Q64" s="3" t="s">
        <v>61</v>
      </c>
      <c r="R64" s="4" t="s">
        <v>62</v>
      </c>
      <c r="S64" s="3" t="s">
        <v>63</v>
      </c>
      <c r="T64" s="4" t="s">
        <v>64</v>
      </c>
      <c r="U64" s="3" t="s">
        <v>65</v>
      </c>
      <c r="V64" s="4" t="s">
        <v>66</v>
      </c>
      <c r="W64" s="3" t="s">
        <v>67</v>
      </c>
      <c r="X64" s="4" t="s">
        <v>68</v>
      </c>
      <c r="Y64" s="3" t="s">
        <v>69</v>
      </c>
      <c r="Z64" s="4" t="s">
        <v>70</v>
      </c>
      <c r="AA64" s="3" t="s">
        <v>71</v>
      </c>
      <c r="AB64" s="4" t="s">
        <v>72</v>
      </c>
    </row>
    <row r="65" spans="1:28" x14ac:dyDescent="0.4">
      <c r="A65" s="3" t="s">
        <v>45</v>
      </c>
      <c r="B65" s="4" t="s">
        <v>46</v>
      </c>
      <c r="C65" s="3" t="s">
        <v>47</v>
      </c>
      <c r="D65" s="4" t="s">
        <v>48</v>
      </c>
      <c r="E65" s="3" t="s">
        <v>49</v>
      </c>
      <c r="F65" s="4" t="s">
        <v>50</v>
      </c>
      <c r="G65" s="3" t="s">
        <v>51</v>
      </c>
      <c r="H65" s="4" t="s">
        <v>52</v>
      </c>
      <c r="I65" s="3" t="s">
        <v>53</v>
      </c>
      <c r="J65" s="4" t="s">
        <v>54</v>
      </c>
      <c r="K65" s="3" t="s">
        <v>55</v>
      </c>
      <c r="L65" s="4" t="s">
        <v>56</v>
      </c>
      <c r="M65" s="3" t="s">
        <v>57</v>
      </c>
      <c r="N65" s="4" t="s">
        <v>58</v>
      </c>
      <c r="O65" s="3" t="s">
        <v>59</v>
      </c>
      <c r="P65" s="4" t="s">
        <v>60</v>
      </c>
      <c r="Q65" s="3" t="s">
        <v>61</v>
      </c>
      <c r="R65" s="4" t="s">
        <v>62</v>
      </c>
      <c r="S65" s="3" t="s">
        <v>63</v>
      </c>
      <c r="T65" s="4" t="s">
        <v>64</v>
      </c>
      <c r="U65" s="3" t="s">
        <v>65</v>
      </c>
      <c r="V65" s="4" t="s">
        <v>66</v>
      </c>
      <c r="W65" s="3" t="s">
        <v>67</v>
      </c>
      <c r="X65" s="4" t="s">
        <v>68</v>
      </c>
      <c r="Y65" s="3" t="s">
        <v>69</v>
      </c>
      <c r="Z65" s="4" t="s">
        <v>70</v>
      </c>
      <c r="AA65" s="3" t="s">
        <v>71</v>
      </c>
      <c r="AB65" s="4" t="s">
        <v>72</v>
      </c>
    </row>
    <row r="66" spans="1:28" x14ac:dyDescent="0.4">
      <c r="A66" s="3" t="s">
        <v>45</v>
      </c>
      <c r="B66" s="4" t="s">
        <v>46</v>
      </c>
      <c r="C66" s="3" t="s">
        <v>47</v>
      </c>
      <c r="D66" s="4" t="s">
        <v>48</v>
      </c>
      <c r="E66" s="3" t="s">
        <v>49</v>
      </c>
      <c r="F66" s="4" t="s">
        <v>50</v>
      </c>
      <c r="G66" s="3" t="s">
        <v>51</v>
      </c>
      <c r="H66" s="4" t="s">
        <v>52</v>
      </c>
      <c r="I66" s="3" t="s">
        <v>53</v>
      </c>
      <c r="J66" s="4" t="s">
        <v>54</v>
      </c>
      <c r="K66" s="3" t="s">
        <v>55</v>
      </c>
      <c r="L66" s="4" t="s">
        <v>56</v>
      </c>
      <c r="M66" s="3" t="s">
        <v>57</v>
      </c>
      <c r="N66" s="4" t="s">
        <v>58</v>
      </c>
      <c r="O66" s="3" t="s">
        <v>59</v>
      </c>
      <c r="P66" s="4" t="s">
        <v>60</v>
      </c>
      <c r="Q66" s="3" t="s">
        <v>61</v>
      </c>
      <c r="R66" s="4" t="s">
        <v>62</v>
      </c>
      <c r="S66" s="3" t="s">
        <v>63</v>
      </c>
      <c r="T66" s="4" t="s">
        <v>64</v>
      </c>
      <c r="U66" s="3" t="s">
        <v>65</v>
      </c>
      <c r="V66" s="4" t="s">
        <v>66</v>
      </c>
      <c r="W66" s="3" t="s">
        <v>67</v>
      </c>
      <c r="X66" s="4" t="s">
        <v>68</v>
      </c>
      <c r="Y66" s="3" t="s">
        <v>69</v>
      </c>
      <c r="Z66" s="4" t="s">
        <v>70</v>
      </c>
      <c r="AA66" s="3" t="s">
        <v>71</v>
      </c>
      <c r="AB66" s="4" t="s">
        <v>72</v>
      </c>
    </row>
    <row r="67" spans="1:28" x14ac:dyDescent="0.4">
      <c r="A67" s="3" t="s">
        <v>45</v>
      </c>
      <c r="B67" s="4" t="s">
        <v>46</v>
      </c>
      <c r="C67" s="3" t="s">
        <v>47</v>
      </c>
      <c r="D67" s="4" t="s">
        <v>48</v>
      </c>
      <c r="E67" s="3" t="s">
        <v>49</v>
      </c>
      <c r="F67" s="4" t="s">
        <v>50</v>
      </c>
      <c r="G67" s="3" t="s">
        <v>51</v>
      </c>
      <c r="H67" s="4" t="s">
        <v>52</v>
      </c>
      <c r="I67" s="3" t="s">
        <v>53</v>
      </c>
      <c r="J67" s="4" t="s">
        <v>54</v>
      </c>
      <c r="K67" s="3" t="s">
        <v>55</v>
      </c>
      <c r="L67" s="4" t="s">
        <v>56</v>
      </c>
      <c r="M67" s="3" t="s">
        <v>57</v>
      </c>
      <c r="N67" s="4" t="s">
        <v>58</v>
      </c>
      <c r="O67" s="3" t="s">
        <v>59</v>
      </c>
      <c r="P67" s="4" t="s">
        <v>60</v>
      </c>
      <c r="Q67" s="3" t="s">
        <v>61</v>
      </c>
      <c r="R67" s="4" t="s">
        <v>62</v>
      </c>
      <c r="S67" s="3" t="s">
        <v>63</v>
      </c>
      <c r="T67" s="4" t="s">
        <v>64</v>
      </c>
      <c r="U67" s="3" t="s">
        <v>65</v>
      </c>
      <c r="V67" s="4" t="s">
        <v>66</v>
      </c>
      <c r="W67" s="3" t="s">
        <v>67</v>
      </c>
      <c r="X67" s="4" t="s">
        <v>68</v>
      </c>
      <c r="Y67" s="3" t="s">
        <v>69</v>
      </c>
      <c r="Z67" s="4" t="s">
        <v>70</v>
      </c>
      <c r="AA67" s="3" t="s">
        <v>71</v>
      </c>
      <c r="AB67" s="4" t="s">
        <v>72</v>
      </c>
    </row>
    <row r="68" spans="1:28" x14ac:dyDescent="0.4">
      <c r="A68" s="3" t="s">
        <v>45</v>
      </c>
      <c r="B68" s="4" t="s">
        <v>46</v>
      </c>
      <c r="C68" s="3" t="s">
        <v>47</v>
      </c>
      <c r="D68" s="4" t="s">
        <v>48</v>
      </c>
      <c r="E68" s="3" t="s">
        <v>49</v>
      </c>
      <c r="F68" s="4" t="s">
        <v>50</v>
      </c>
      <c r="G68" s="3" t="s">
        <v>51</v>
      </c>
      <c r="H68" s="4" t="s">
        <v>52</v>
      </c>
      <c r="I68" s="3" t="s">
        <v>53</v>
      </c>
      <c r="J68" s="4" t="s">
        <v>54</v>
      </c>
      <c r="K68" s="3" t="s">
        <v>55</v>
      </c>
      <c r="L68" s="4" t="s">
        <v>56</v>
      </c>
      <c r="M68" s="3" t="s">
        <v>57</v>
      </c>
      <c r="N68" s="4" t="s">
        <v>58</v>
      </c>
      <c r="O68" s="3" t="s">
        <v>59</v>
      </c>
      <c r="P68" s="4" t="s">
        <v>60</v>
      </c>
      <c r="Q68" s="3" t="s">
        <v>61</v>
      </c>
      <c r="R68" s="4" t="s">
        <v>62</v>
      </c>
      <c r="S68" s="3" t="s">
        <v>63</v>
      </c>
      <c r="T68" s="4" t="s">
        <v>64</v>
      </c>
      <c r="U68" s="3" t="s">
        <v>65</v>
      </c>
      <c r="V68" s="4" t="s">
        <v>66</v>
      </c>
      <c r="W68" s="3" t="s">
        <v>67</v>
      </c>
      <c r="X68" s="4" t="s">
        <v>68</v>
      </c>
      <c r="Y68" s="3" t="s">
        <v>69</v>
      </c>
      <c r="Z68" s="4" t="s">
        <v>70</v>
      </c>
      <c r="AA68" s="3" t="s">
        <v>71</v>
      </c>
      <c r="AB68" s="4" t="s">
        <v>72</v>
      </c>
    </row>
    <row r="69" spans="1:28" x14ac:dyDescent="0.4">
      <c r="A69" s="3" t="s">
        <v>45</v>
      </c>
      <c r="B69" s="4" t="s">
        <v>46</v>
      </c>
      <c r="C69" s="3" t="s">
        <v>47</v>
      </c>
      <c r="D69" s="4" t="s">
        <v>48</v>
      </c>
      <c r="E69" s="3" t="s">
        <v>49</v>
      </c>
      <c r="F69" s="4" t="s">
        <v>50</v>
      </c>
      <c r="G69" s="3" t="s">
        <v>51</v>
      </c>
      <c r="H69" s="4" t="s">
        <v>52</v>
      </c>
      <c r="I69" s="3" t="s">
        <v>53</v>
      </c>
      <c r="J69" s="4" t="s">
        <v>54</v>
      </c>
      <c r="K69" s="3" t="s">
        <v>55</v>
      </c>
      <c r="L69" s="4" t="s">
        <v>56</v>
      </c>
      <c r="M69" s="3" t="s">
        <v>57</v>
      </c>
      <c r="N69" s="4" t="s">
        <v>58</v>
      </c>
      <c r="O69" s="3" t="s">
        <v>59</v>
      </c>
      <c r="P69" s="4" t="s">
        <v>60</v>
      </c>
      <c r="Q69" s="3" t="s">
        <v>61</v>
      </c>
      <c r="R69" s="4" t="s">
        <v>62</v>
      </c>
      <c r="S69" s="3" t="s">
        <v>63</v>
      </c>
      <c r="T69" s="4" t="s">
        <v>64</v>
      </c>
      <c r="U69" s="3" t="s">
        <v>65</v>
      </c>
      <c r="V69" s="4" t="s">
        <v>66</v>
      </c>
      <c r="W69" s="3" t="s">
        <v>67</v>
      </c>
      <c r="X69" s="4" t="s">
        <v>68</v>
      </c>
      <c r="Y69" s="3" t="s">
        <v>69</v>
      </c>
      <c r="Z69" s="4" t="s">
        <v>70</v>
      </c>
      <c r="AA69" s="3" t="s">
        <v>71</v>
      </c>
      <c r="AB69" s="4" t="s">
        <v>72</v>
      </c>
    </row>
    <row r="70" spans="1:28" x14ac:dyDescent="0.4">
      <c r="A70" s="3" t="s">
        <v>45</v>
      </c>
      <c r="B70" s="4" t="s">
        <v>46</v>
      </c>
      <c r="C70" s="3" t="s">
        <v>47</v>
      </c>
      <c r="D70" s="4" t="s">
        <v>48</v>
      </c>
      <c r="E70" s="3" t="s">
        <v>49</v>
      </c>
      <c r="F70" s="4" t="s">
        <v>50</v>
      </c>
      <c r="G70" s="3" t="s">
        <v>51</v>
      </c>
      <c r="H70" s="4" t="s">
        <v>52</v>
      </c>
      <c r="I70" s="3" t="s">
        <v>53</v>
      </c>
      <c r="J70" s="4" t="s">
        <v>54</v>
      </c>
      <c r="K70" s="3" t="s">
        <v>55</v>
      </c>
      <c r="L70" s="4" t="s">
        <v>56</v>
      </c>
      <c r="M70" s="3" t="s">
        <v>57</v>
      </c>
      <c r="N70" s="4" t="s">
        <v>58</v>
      </c>
      <c r="O70" s="3" t="s">
        <v>59</v>
      </c>
      <c r="P70" s="4" t="s">
        <v>60</v>
      </c>
      <c r="Q70" s="3" t="s">
        <v>61</v>
      </c>
      <c r="R70" s="4" t="s">
        <v>62</v>
      </c>
      <c r="S70" s="3" t="s">
        <v>63</v>
      </c>
      <c r="T70" s="4" t="s">
        <v>64</v>
      </c>
      <c r="U70" s="3" t="s">
        <v>65</v>
      </c>
      <c r="V70" s="4" t="s">
        <v>66</v>
      </c>
      <c r="W70" s="3" t="s">
        <v>67</v>
      </c>
      <c r="X70" s="4" t="s">
        <v>68</v>
      </c>
      <c r="Y70" s="3" t="s">
        <v>69</v>
      </c>
      <c r="Z70" s="4" t="s">
        <v>70</v>
      </c>
      <c r="AA70" s="3" t="s">
        <v>71</v>
      </c>
      <c r="AB70" s="4" t="s">
        <v>72</v>
      </c>
    </row>
    <row r="71" spans="1:28" x14ac:dyDescent="0.4">
      <c r="A71" s="3" t="s">
        <v>45</v>
      </c>
      <c r="B71" s="4" t="s">
        <v>46</v>
      </c>
      <c r="C71" s="3" t="s">
        <v>47</v>
      </c>
      <c r="D71" s="4" t="s">
        <v>48</v>
      </c>
      <c r="E71" s="3" t="s">
        <v>49</v>
      </c>
      <c r="F71" s="4" t="s">
        <v>50</v>
      </c>
      <c r="G71" s="3" t="s">
        <v>51</v>
      </c>
      <c r="H71" s="4" t="s">
        <v>52</v>
      </c>
      <c r="I71" s="3" t="s">
        <v>53</v>
      </c>
      <c r="J71" s="4" t="s">
        <v>54</v>
      </c>
      <c r="K71" s="3" t="s">
        <v>55</v>
      </c>
      <c r="L71" s="4" t="s">
        <v>56</v>
      </c>
      <c r="M71" s="3" t="s">
        <v>57</v>
      </c>
      <c r="N71" s="4" t="s">
        <v>58</v>
      </c>
      <c r="O71" s="3" t="s">
        <v>59</v>
      </c>
      <c r="P71" s="4" t="s">
        <v>60</v>
      </c>
      <c r="Q71" s="3" t="s">
        <v>61</v>
      </c>
      <c r="R71" s="4" t="s">
        <v>62</v>
      </c>
      <c r="S71" s="3" t="s">
        <v>63</v>
      </c>
      <c r="T71" s="4" t="s">
        <v>64</v>
      </c>
      <c r="U71" s="3" t="s">
        <v>65</v>
      </c>
      <c r="V71" s="4" t="s">
        <v>66</v>
      </c>
      <c r="W71" s="3" t="s">
        <v>67</v>
      </c>
      <c r="X71" s="4" t="s">
        <v>68</v>
      </c>
      <c r="Y71" s="3" t="s">
        <v>69</v>
      </c>
      <c r="Z71" s="4" t="s">
        <v>70</v>
      </c>
      <c r="AA71" s="3" t="s">
        <v>71</v>
      </c>
      <c r="AB71" s="4" t="s">
        <v>72</v>
      </c>
    </row>
    <row r="72" spans="1:28" x14ac:dyDescent="0.4">
      <c r="A72" s="3" t="s">
        <v>45</v>
      </c>
      <c r="B72" s="4" t="s">
        <v>46</v>
      </c>
      <c r="C72" s="3" t="s">
        <v>47</v>
      </c>
      <c r="D72" s="4" t="s">
        <v>48</v>
      </c>
      <c r="E72" s="3" t="s">
        <v>49</v>
      </c>
      <c r="F72" s="4" t="s">
        <v>50</v>
      </c>
      <c r="G72" s="3" t="s">
        <v>51</v>
      </c>
      <c r="H72" s="4" t="s">
        <v>52</v>
      </c>
      <c r="I72" s="3" t="s">
        <v>53</v>
      </c>
      <c r="J72" s="4" t="s">
        <v>54</v>
      </c>
      <c r="K72" s="3" t="s">
        <v>55</v>
      </c>
      <c r="L72" s="4" t="s">
        <v>56</v>
      </c>
      <c r="M72" s="3" t="s">
        <v>57</v>
      </c>
      <c r="N72" s="4" t="s">
        <v>58</v>
      </c>
      <c r="O72" s="3" t="s">
        <v>59</v>
      </c>
      <c r="P72" s="4" t="s">
        <v>60</v>
      </c>
      <c r="Q72" s="3" t="s">
        <v>61</v>
      </c>
      <c r="R72" s="4" t="s">
        <v>62</v>
      </c>
      <c r="S72" s="3" t="s">
        <v>63</v>
      </c>
      <c r="T72" s="4" t="s">
        <v>64</v>
      </c>
      <c r="U72" s="3" t="s">
        <v>65</v>
      </c>
      <c r="V72" s="4" t="s">
        <v>66</v>
      </c>
      <c r="W72" s="3" t="s">
        <v>67</v>
      </c>
      <c r="X72" s="4" t="s">
        <v>68</v>
      </c>
      <c r="Y72" s="3" t="s">
        <v>69</v>
      </c>
      <c r="Z72" s="4" t="s">
        <v>70</v>
      </c>
      <c r="AA72" s="3" t="s">
        <v>71</v>
      </c>
      <c r="AB72" s="4" t="s">
        <v>72</v>
      </c>
    </row>
    <row r="73" spans="1:28" x14ac:dyDescent="0.4">
      <c r="A73" s="3" t="s">
        <v>45</v>
      </c>
      <c r="B73" s="4" t="s">
        <v>46</v>
      </c>
      <c r="C73" s="3" t="s">
        <v>47</v>
      </c>
      <c r="D73" s="4" t="s">
        <v>48</v>
      </c>
      <c r="E73" s="3" t="s">
        <v>49</v>
      </c>
      <c r="F73" s="4" t="s">
        <v>50</v>
      </c>
      <c r="G73" s="3" t="s">
        <v>51</v>
      </c>
      <c r="H73" s="4" t="s">
        <v>52</v>
      </c>
      <c r="I73" s="3" t="s">
        <v>53</v>
      </c>
      <c r="J73" s="4" t="s">
        <v>54</v>
      </c>
      <c r="K73" s="3" t="s">
        <v>55</v>
      </c>
      <c r="L73" s="4" t="s">
        <v>56</v>
      </c>
      <c r="M73" s="3" t="s">
        <v>57</v>
      </c>
      <c r="N73" s="4" t="s">
        <v>58</v>
      </c>
      <c r="O73" s="3" t="s">
        <v>59</v>
      </c>
      <c r="P73" s="4" t="s">
        <v>60</v>
      </c>
      <c r="Q73" s="3" t="s">
        <v>61</v>
      </c>
      <c r="R73" s="4" t="s">
        <v>62</v>
      </c>
      <c r="S73" s="3" t="s">
        <v>63</v>
      </c>
      <c r="T73" s="4" t="s">
        <v>64</v>
      </c>
      <c r="U73" s="3" t="s">
        <v>65</v>
      </c>
      <c r="V73" s="4" t="s">
        <v>66</v>
      </c>
      <c r="W73" s="3" t="s">
        <v>67</v>
      </c>
      <c r="X73" s="4" t="s">
        <v>68</v>
      </c>
      <c r="Y73" s="3" t="s">
        <v>69</v>
      </c>
      <c r="Z73" s="4" t="s">
        <v>70</v>
      </c>
      <c r="AA73" s="3" t="s">
        <v>71</v>
      </c>
      <c r="AB73" s="4" t="s">
        <v>72</v>
      </c>
    </row>
    <row r="74" spans="1:28" x14ac:dyDescent="0.4">
      <c r="A74" s="3" t="s">
        <v>45</v>
      </c>
      <c r="B74" s="4" t="s">
        <v>46</v>
      </c>
      <c r="C74" s="3" t="s">
        <v>47</v>
      </c>
      <c r="D74" s="4" t="s">
        <v>48</v>
      </c>
      <c r="E74" s="3" t="s">
        <v>49</v>
      </c>
      <c r="F74" s="4" t="s">
        <v>50</v>
      </c>
      <c r="G74" s="3" t="s">
        <v>51</v>
      </c>
      <c r="H74" s="4" t="s">
        <v>52</v>
      </c>
      <c r="I74" s="3" t="s">
        <v>53</v>
      </c>
      <c r="J74" s="4" t="s">
        <v>54</v>
      </c>
      <c r="K74" s="3" t="s">
        <v>55</v>
      </c>
      <c r="L74" s="4" t="s">
        <v>56</v>
      </c>
      <c r="M74" s="3" t="s">
        <v>57</v>
      </c>
      <c r="N74" s="4" t="s">
        <v>58</v>
      </c>
      <c r="O74" s="3" t="s">
        <v>59</v>
      </c>
      <c r="P74" s="4" t="s">
        <v>60</v>
      </c>
      <c r="Q74" s="3" t="s">
        <v>61</v>
      </c>
      <c r="R74" s="4" t="s">
        <v>62</v>
      </c>
      <c r="S74" s="3" t="s">
        <v>63</v>
      </c>
      <c r="T74" s="4" t="s">
        <v>64</v>
      </c>
      <c r="U74" s="3" t="s">
        <v>65</v>
      </c>
      <c r="V74" s="4" t="s">
        <v>66</v>
      </c>
      <c r="W74" s="3" t="s">
        <v>67</v>
      </c>
      <c r="X74" s="4" t="s">
        <v>68</v>
      </c>
      <c r="Y74" s="3" t="s">
        <v>69</v>
      </c>
      <c r="Z74" s="4" t="s">
        <v>70</v>
      </c>
      <c r="AA74" s="3" t="s">
        <v>71</v>
      </c>
      <c r="AB74" s="4" t="s">
        <v>72</v>
      </c>
    </row>
    <row r="75" spans="1:28" x14ac:dyDescent="0.4">
      <c r="A75" s="3" t="s">
        <v>45</v>
      </c>
      <c r="B75" s="4" t="s">
        <v>46</v>
      </c>
      <c r="C75" s="3" t="s">
        <v>47</v>
      </c>
      <c r="D75" s="4" t="s">
        <v>48</v>
      </c>
      <c r="E75" s="3" t="s">
        <v>49</v>
      </c>
      <c r="F75" s="4" t="s">
        <v>50</v>
      </c>
      <c r="G75" s="3" t="s">
        <v>51</v>
      </c>
      <c r="H75" s="4" t="s">
        <v>52</v>
      </c>
      <c r="I75" s="3" t="s">
        <v>53</v>
      </c>
      <c r="J75" s="4" t="s">
        <v>54</v>
      </c>
      <c r="K75" s="3" t="s">
        <v>55</v>
      </c>
      <c r="L75" s="4" t="s">
        <v>56</v>
      </c>
      <c r="M75" s="3" t="s">
        <v>57</v>
      </c>
      <c r="N75" s="4" t="s">
        <v>58</v>
      </c>
      <c r="O75" s="3" t="s">
        <v>59</v>
      </c>
      <c r="P75" s="4" t="s">
        <v>60</v>
      </c>
      <c r="Q75" s="3" t="s">
        <v>61</v>
      </c>
      <c r="R75" s="4" t="s">
        <v>62</v>
      </c>
      <c r="S75" s="3" t="s">
        <v>63</v>
      </c>
      <c r="T75" s="4" t="s">
        <v>64</v>
      </c>
      <c r="U75" s="3" t="s">
        <v>65</v>
      </c>
      <c r="V75" s="4" t="s">
        <v>66</v>
      </c>
      <c r="W75" s="3" t="s">
        <v>67</v>
      </c>
      <c r="X75" s="4" t="s">
        <v>68</v>
      </c>
      <c r="Y75" s="3" t="s">
        <v>69</v>
      </c>
      <c r="Z75" s="4" t="s">
        <v>70</v>
      </c>
      <c r="AA75" s="3" t="s">
        <v>71</v>
      </c>
      <c r="AB75" s="4" t="s">
        <v>72</v>
      </c>
    </row>
    <row r="76" spans="1:28" x14ac:dyDescent="0.4">
      <c r="A76" s="3" t="s">
        <v>45</v>
      </c>
      <c r="B76" s="4" t="s">
        <v>46</v>
      </c>
      <c r="C76" s="3" t="s">
        <v>47</v>
      </c>
      <c r="D76" s="4" t="s">
        <v>48</v>
      </c>
      <c r="E76" s="3" t="s">
        <v>49</v>
      </c>
      <c r="F76" s="4" t="s">
        <v>50</v>
      </c>
      <c r="G76" s="3" t="s">
        <v>51</v>
      </c>
      <c r="H76" s="4" t="s">
        <v>52</v>
      </c>
      <c r="I76" s="3" t="s">
        <v>53</v>
      </c>
      <c r="J76" s="4" t="s">
        <v>54</v>
      </c>
      <c r="K76" s="3" t="s">
        <v>55</v>
      </c>
      <c r="L76" s="4" t="s">
        <v>56</v>
      </c>
      <c r="M76" s="3" t="s">
        <v>57</v>
      </c>
      <c r="N76" s="4" t="s">
        <v>58</v>
      </c>
      <c r="O76" s="3" t="s">
        <v>59</v>
      </c>
      <c r="P76" s="4" t="s">
        <v>60</v>
      </c>
      <c r="Q76" s="3" t="s">
        <v>61</v>
      </c>
      <c r="R76" s="4" t="s">
        <v>62</v>
      </c>
      <c r="S76" s="3" t="s">
        <v>63</v>
      </c>
      <c r="T76" s="4" t="s">
        <v>64</v>
      </c>
      <c r="U76" s="3" t="s">
        <v>65</v>
      </c>
      <c r="V76" s="4" t="s">
        <v>66</v>
      </c>
      <c r="W76" s="3" t="s">
        <v>67</v>
      </c>
      <c r="X76" s="4" t="s">
        <v>68</v>
      </c>
      <c r="Y76" s="3" t="s">
        <v>69</v>
      </c>
      <c r="Z76" s="4" t="s">
        <v>70</v>
      </c>
      <c r="AA76" s="3" t="s">
        <v>71</v>
      </c>
      <c r="AB76" s="4" t="s">
        <v>72</v>
      </c>
    </row>
    <row r="77" spans="1:28" x14ac:dyDescent="0.4">
      <c r="A77" s="3" t="s">
        <v>45</v>
      </c>
      <c r="B77" s="4" t="s">
        <v>46</v>
      </c>
      <c r="C77" s="3" t="s">
        <v>47</v>
      </c>
      <c r="D77" s="4" t="s">
        <v>48</v>
      </c>
      <c r="E77" s="3" t="s">
        <v>49</v>
      </c>
      <c r="F77" s="4" t="s">
        <v>50</v>
      </c>
      <c r="G77" s="3" t="s">
        <v>51</v>
      </c>
      <c r="H77" s="4" t="s">
        <v>52</v>
      </c>
      <c r="I77" s="3" t="s">
        <v>53</v>
      </c>
      <c r="J77" s="4" t="s">
        <v>54</v>
      </c>
      <c r="K77" s="3" t="s">
        <v>55</v>
      </c>
      <c r="L77" s="4" t="s">
        <v>56</v>
      </c>
      <c r="M77" s="3" t="s">
        <v>57</v>
      </c>
      <c r="N77" s="4" t="s">
        <v>58</v>
      </c>
      <c r="O77" s="3" t="s">
        <v>59</v>
      </c>
      <c r="P77" s="4" t="s">
        <v>60</v>
      </c>
      <c r="Q77" s="3" t="s">
        <v>61</v>
      </c>
      <c r="R77" s="4" t="s">
        <v>62</v>
      </c>
      <c r="S77" s="3" t="s">
        <v>63</v>
      </c>
      <c r="T77" s="4" t="s">
        <v>64</v>
      </c>
      <c r="U77" s="3" t="s">
        <v>65</v>
      </c>
      <c r="V77" s="4" t="s">
        <v>66</v>
      </c>
      <c r="W77" s="3" t="s">
        <v>67</v>
      </c>
      <c r="X77" s="4" t="s">
        <v>68</v>
      </c>
      <c r="Y77" s="3" t="s">
        <v>69</v>
      </c>
      <c r="Z77" s="4" t="s">
        <v>70</v>
      </c>
      <c r="AA77" s="3" t="s">
        <v>71</v>
      </c>
      <c r="AB77" s="4" t="s">
        <v>72</v>
      </c>
    </row>
    <row r="78" spans="1:28" x14ac:dyDescent="0.4">
      <c r="A78" s="3" t="s">
        <v>45</v>
      </c>
      <c r="B78" s="4" t="s">
        <v>46</v>
      </c>
      <c r="C78" s="3" t="s">
        <v>47</v>
      </c>
      <c r="D78" s="4" t="s">
        <v>48</v>
      </c>
      <c r="E78" s="3" t="s">
        <v>49</v>
      </c>
      <c r="F78" s="4" t="s">
        <v>50</v>
      </c>
      <c r="G78" s="3" t="s">
        <v>51</v>
      </c>
      <c r="H78" s="4" t="s">
        <v>52</v>
      </c>
      <c r="I78" s="3" t="s">
        <v>53</v>
      </c>
      <c r="J78" s="4" t="s">
        <v>54</v>
      </c>
      <c r="K78" s="3" t="s">
        <v>55</v>
      </c>
      <c r="L78" s="4" t="s">
        <v>56</v>
      </c>
      <c r="M78" s="3" t="s">
        <v>57</v>
      </c>
      <c r="N78" s="4" t="s">
        <v>58</v>
      </c>
      <c r="O78" s="3" t="s">
        <v>59</v>
      </c>
      <c r="P78" s="4" t="s">
        <v>60</v>
      </c>
      <c r="Q78" s="3" t="s">
        <v>61</v>
      </c>
      <c r="R78" s="4" t="s">
        <v>62</v>
      </c>
      <c r="S78" s="3" t="s">
        <v>63</v>
      </c>
      <c r="T78" s="4" t="s">
        <v>64</v>
      </c>
      <c r="U78" s="3" t="s">
        <v>65</v>
      </c>
      <c r="V78" s="4" t="s">
        <v>66</v>
      </c>
      <c r="W78" s="3" t="s">
        <v>67</v>
      </c>
      <c r="X78" s="4" t="s">
        <v>68</v>
      </c>
      <c r="Y78" s="3" t="s">
        <v>69</v>
      </c>
      <c r="Z78" s="4" t="s">
        <v>70</v>
      </c>
      <c r="AA78" s="3" t="s">
        <v>71</v>
      </c>
      <c r="AB78" s="4" t="s">
        <v>72</v>
      </c>
    </row>
    <row r="79" spans="1:28" x14ac:dyDescent="0.4">
      <c r="A79" s="3" t="s">
        <v>45</v>
      </c>
      <c r="B79" s="4" t="s">
        <v>46</v>
      </c>
      <c r="C79" s="3" t="s">
        <v>47</v>
      </c>
      <c r="D79" s="4" t="s">
        <v>48</v>
      </c>
      <c r="E79" s="3" t="s">
        <v>49</v>
      </c>
      <c r="F79" s="4" t="s">
        <v>50</v>
      </c>
      <c r="G79" s="3" t="s">
        <v>51</v>
      </c>
      <c r="H79" s="4" t="s">
        <v>52</v>
      </c>
      <c r="I79" s="3" t="s">
        <v>53</v>
      </c>
      <c r="J79" s="4" t="s">
        <v>54</v>
      </c>
      <c r="K79" s="3" t="s">
        <v>55</v>
      </c>
      <c r="L79" s="4" t="s">
        <v>56</v>
      </c>
      <c r="M79" s="3" t="s">
        <v>57</v>
      </c>
      <c r="N79" s="4" t="s">
        <v>58</v>
      </c>
      <c r="O79" s="3" t="s">
        <v>59</v>
      </c>
      <c r="P79" s="4" t="s">
        <v>60</v>
      </c>
      <c r="Q79" s="3" t="s">
        <v>61</v>
      </c>
      <c r="R79" s="4" t="s">
        <v>62</v>
      </c>
      <c r="S79" s="3" t="s">
        <v>63</v>
      </c>
      <c r="T79" s="4" t="s">
        <v>64</v>
      </c>
      <c r="U79" s="3" t="s">
        <v>65</v>
      </c>
      <c r="V79" s="4" t="s">
        <v>66</v>
      </c>
      <c r="W79" s="3" t="s">
        <v>67</v>
      </c>
      <c r="X79" s="4" t="s">
        <v>68</v>
      </c>
      <c r="Y79" s="3" t="s">
        <v>69</v>
      </c>
      <c r="Z79" s="4" t="s">
        <v>70</v>
      </c>
      <c r="AA79" s="3" t="s">
        <v>71</v>
      </c>
      <c r="AB79" s="4" t="s">
        <v>72</v>
      </c>
    </row>
    <row r="80" spans="1:28" x14ac:dyDescent="0.4">
      <c r="A80" s="3" t="s">
        <v>45</v>
      </c>
      <c r="B80" s="4" t="s">
        <v>46</v>
      </c>
      <c r="C80" s="3" t="s">
        <v>47</v>
      </c>
      <c r="D80" s="4" t="s">
        <v>48</v>
      </c>
      <c r="E80" s="3" t="s">
        <v>49</v>
      </c>
      <c r="F80" s="4" t="s">
        <v>50</v>
      </c>
      <c r="G80" s="3" t="s">
        <v>51</v>
      </c>
      <c r="H80" s="4" t="s">
        <v>52</v>
      </c>
      <c r="I80" s="3" t="s">
        <v>53</v>
      </c>
      <c r="J80" s="4" t="s">
        <v>54</v>
      </c>
      <c r="K80" s="3" t="s">
        <v>55</v>
      </c>
      <c r="L80" s="4" t="s">
        <v>56</v>
      </c>
      <c r="M80" s="3" t="s">
        <v>57</v>
      </c>
      <c r="N80" s="4" t="s">
        <v>58</v>
      </c>
      <c r="O80" s="3" t="s">
        <v>59</v>
      </c>
      <c r="P80" s="4" t="s">
        <v>60</v>
      </c>
      <c r="Q80" s="3" t="s">
        <v>61</v>
      </c>
      <c r="R80" s="4" t="s">
        <v>62</v>
      </c>
      <c r="S80" s="3" t="s">
        <v>63</v>
      </c>
      <c r="T80" s="4" t="s">
        <v>64</v>
      </c>
      <c r="U80" s="3" t="s">
        <v>65</v>
      </c>
      <c r="V80" s="4" t="s">
        <v>66</v>
      </c>
      <c r="W80" s="3" t="s">
        <v>67</v>
      </c>
      <c r="X80" s="4" t="s">
        <v>68</v>
      </c>
      <c r="Y80" s="3" t="s">
        <v>69</v>
      </c>
      <c r="Z80" s="4" t="s">
        <v>70</v>
      </c>
      <c r="AA80" s="3" t="s">
        <v>71</v>
      </c>
      <c r="AB80" s="4" t="s">
        <v>72</v>
      </c>
    </row>
    <row r="81" spans="1:28" x14ac:dyDescent="0.4">
      <c r="A81" s="3" t="s">
        <v>45</v>
      </c>
      <c r="B81" s="4" t="s">
        <v>46</v>
      </c>
      <c r="C81" s="3" t="s">
        <v>47</v>
      </c>
      <c r="D81" s="4" t="s">
        <v>48</v>
      </c>
      <c r="E81" s="3" t="s">
        <v>49</v>
      </c>
      <c r="F81" s="4" t="s">
        <v>50</v>
      </c>
      <c r="G81" s="3" t="s">
        <v>51</v>
      </c>
      <c r="H81" s="4" t="s">
        <v>52</v>
      </c>
      <c r="I81" s="3" t="s">
        <v>53</v>
      </c>
      <c r="J81" s="4" t="s">
        <v>54</v>
      </c>
      <c r="K81" s="3" t="s">
        <v>55</v>
      </c>
      <c r="L81" s="4" t="s">
        <v>56</v>
      </c>
      <c r="M81" s="3" t="s">
        <v>57</v>
      </c>
      <c r="N81" s="4" t="s">
        <v>58</v>
      </c>
      <c r="O81" s="3" t="s">
        <v>59</v>
      </c>
      <c r="P81" s="4" t="s">
        <v>60</v>
      </c>
      <c r="Q81" s="3" t="s">
        <v>61</v>
      </c>
      <c r="R81" s="4" t="s">
        <v>62</v>
      </c>
      <c r="S81" s="3" t="s">
        <v>63</v>
      </c>
      <c r="T81" s="4" t="s">
        <v>64</v>
      </c>
      <c r="U81" s="3" t="s">
        <v>65</v>
      </c>
      <c r="V81" s="4" t="s">
        <v>66</v>
      </c>
      <c r="W81" s="3" t="s">
        <v>67</v>
      </c>
      <c r="X81" s="4" t="s">
        <v>68</v>
      </c>
      <c r="Y81" s="3" t="s">
        <v>69</v>
      </c>
      <c r="Z81" s="4" t="s">
        <v>70</v>
      </c>
      <c r="AA81" s="3" t="s">
        <v>71</v>
      </c>
      <c r="AB81" s="4" t="s">
        <v>72</v>
      </c>
    </row>
    <row r="82" spans="1:28" x14ac:dyDescent="0.4">
      <c r="A82" s="3" t="s">
        <v>45</v>
      </c>
      <c r="B82" s="4" t="s">
        <v>46</v>
      </c>
      <c r="C82" s="3" t="s">
        <v>47</v>
      </c>
      <c r="D82" s="4" t="s">
        <v>48</v>
      </c>
      <c r="E82" s="3" t="s">
        <v>49</v>
      </c>
      <c r="F82" s="4" t="s">
        <v>50</v>
      </c>
      <c r="G82" s="3" t="s">
        <v>51</v>
      </c>
      <c r="H82" s="4" t="s">
        <v>52</v>
      </c>
      <c r="I82" s="3" t="s">
        <v>53</v>
      </c>
      <c r="J82" s="4" t="s">
        <v>54</v>
      </c>
      <c r="K82" s="3" t="s">
        <v>55</v>
      </c>
      <c r="L82" s="4" t="s">
        <v>56</v>
      </c>
      <c r="M82" s="3" t="s">
        <v>57</v>
      </c>
      <c r="N82" s="4" t="s">
        <v>58</v>
      </c>
      <c r="O82" s="3" t="s">
        <v>59</v>
      </c>
      <c r="P82" s="4" t="s">
        <v>60</v>
      </c>
      <c r="Q82" s="3" t="s">
        <v>61</v>
      </c>
      <c r="R82" s="4" t="s">
        <v>62</v>
      </c>
      <c r="S82" s="3" t="s">
        <v>63</v>
      </c>
      <c r="T82" s="4" t="s">
        <v>64</v>
      </c>
      <c r="U82" s="3" t="s">
        <v>65</v>
      </c>
      <c r="V82" s="4" t="s">
        <v>66</v>
      </c>
      <c r="W82" s="3" t="s">
        <v>67</v>
      </c>
      <c r="X82" s="4" t="s">
        <v>68</v>
      </c>
      <c r="Y82" s="3" t="s">
        <v>69</v>
      </c>
      <c r="Z82" s="4" t="s">
        <v>70</v>
      </c>
      <c r="AA82" s="3" t="s">
        <v>71</v>
      </c>
      <c r="AB82" s="4" t="s">
        <v>72</v>
      </c>
    </row>
    <row r="83" spans="1:28" x14ac:dyDescent="0.4">
      <c r="A83" s="3" t="s">
        <v>45</v>
      </c>
      <c r="B83" s="4" t="s">
        <v>46</v>
      </c>
      <c r="C83" s="3" t="s">
        <v>47</v>
      </c>
      <c r="D83" s="4" t="s">
        <v>48</v>
      </c>
      <c r="E83" s="3" t="s">
        <v>49</v>
      </c>
      <c r="F83" s="4" t="s">
        <v>50</v>
      </c>
      <c r="G83" s="3" t="s">
        <v>51</v>
      </c>
      <c r="H83" s="4" t="s">
        <v>52</v>
      </c>
      <c r="I83" s="3" t="s">
        <v>53</v>
      </c>
      <c r="J83" s="4" t="s">
        <v>54</v>
      </c>
      <c r="K83" s="3" t="s">
        <v>55</v>
      </c>
      <c r="L83" s="4" t="s">
        <v>56</v>
      </c>
      <c r="M83" s="3" t="s">
        <v>57</v>
      </c>
      <c r="N83" s="4" t="s">
        <v>58</v>
      </c>
      <c r="O83" s="3" t="s">
        <v>59</v>
      </c>
      <c r="P83" s="4" t="s">
        <v>60</v>
      </c>
      <c r="Q83" s="3" t="s">
        <v>61</v>
      </c>
      <c r="R83" s="4" t="s">
        <v>62</v>
      </c>
      <c r="S83" s="3" t="s">
        <v>63</v>
      </c>
      <c r="T83" s="4" t="s">
        <v>64</v>
      </c>
      <c r="U83" s="3" t="s">
        <v>65</v>
      </c>
      <c r="V83" s="4" t="s">
        <v>66</v>
      </c>
      <c r="W83" s="3" t="s">
        <v>67</v>
      </c>
      <c r="X83" s="4" t="s">
        <v>68</v>
      </c>
      <c r="Y83" s="3" t="s">
        <v>69</v>
      </c>
      <c r="Z83" s="4" t="s">
        <v>70</v>
      </c>
      <c r="AA83" s="3" t="s">
        <v>71</v>
      </c>
      <c r="AB83" s="4" t="s">
        <v>72</v>
      </c>
    </row>
    <row r="84" spans="1:28" x14ac:dyDescent="0.4">
      <c r="A84" s="3" t="s">
        <v>45</v>
      </c>
      <c r="B84" s="4" t="s">
        <v>46</v>
      </c>
      <c r="C84" s="3" t="s">
        <v>47</v>
      </c>
      <c r="D84" s="4" t="s">
        <v>48</v>
      </c>
      <c r="E84" s="3" t="s">
        <v>49</v>
      </c>
      <c r="F84" s="4" t="s">
        <v>50</v>
      </c>
      <c r="G84" s="3" t="s">
        <v>51</v>
      </c>
      <c r="H84" s="4" t="s">
        <v>52</v>
      </c>
      <c r="I84" s="3" t="s">
        <v>53</v>
      </c>
      <c r="J84" s="4" t="s">
        <v>54</v>
      </c>
      <c r="K84" s="3" t="s">
        <v>55</v>
      </c>
      <c r="L84" s="4" t="s">
        <v>56</v>
      </c>
      <c r="M84" s="3" t="s">
        <v>57</v>
      </c>
      <c r="N84" s="4" t="s">
        <v>58</v>
      </c>
      <c r="O84" s="3" t="s">
        <v>59</v>
      </c>
      <c r="P84" s="4" t="s">
        <v>60</v>
      </c>
      <c r="Q84" s="3" t="s">
        <v>61</v>
      </c>
      <c r="R84" s="4" t="s">
        <v>62</v>
      </c>
      <c r="S84" s="3" t="s">
        <v>63</v>
      </c>
      <c r="T84" s="4" t="s">
        <v>64</v>
      </c>
      <c r="U84" s="3" t="s">
        <v>65</v>
      </c>
      <c r="V84" s="4" t="s">
        <v>66</v>
      </c>
      <c r="W84" s="3" t="s">
        <v>67</v>
      </c>
      <c r="X84" s="4" t="s">
        <v>68</v>
      </c>
      <c r="Y84" s="3" t="s">
        <v>69</v>
      </c>
      <c r="Z84" s="4" t="s">
        <v>70</v>
      </c>
      <c r="AA84" s="3" t="s">
        <v>71</v>
      </c>
      <c r="AB84" s="4" t="s">
        <v>72</v>
      </c>
    </row>
    <row r="85" spans="1:28" x14ac:dyDescent="0.4">
      <c r="A85" s="3" t="s">
        <v>45</v>
      </c>
      <c r="B85" s="4" t="s">
        <v>46</v>
      </c>
      <c r="C85" s="3" t="s">
        <v>47</v>
      </c>
      <c r="D85" s="4" t="s">
        <v>48</v>
      </c>
      <c r="E85" s="3" t="s">
        <v>49</v>
      </c>
      <c r="F85" s="4" t="s">
        <v>50</v>
      </c>
      <c r="G85" s="3" t="s">
        <v>51</v>
      </c>
      <c r="H85" s="4" t="s">
        <v>52</v>
      </c>
      <c r="I85" s="3" t="s">
        <v>53</v>
      </c>
      <c r="J85" s="4" t="s">
        <v>54</v>
      </c>
      <c r="K85" s="3" t="s">
        <v>55</v>
      </c>
      <c r="L85" s="4" t="s">
        <v>56</v>
      </c>
      <c r="M85" s="3" t="s">
        <v>57</v>
      </c>
      <c r="N85" s="4" t="s">
        <v>58</v>
      </c>
      <c r="O85" s="3" t="s">
        <v>59</v>
      </c>
      <c r="P85" s="4" t="s">
        <v>60</v>
      </c>
      <c r="Q85" s="3" t="s">
        <v>61</v>
      </c>
      <c r="R85" s="4" t="s">
        <v>62</v>
      </c>
      <c r="S85" s="3" t="s">
        <v>63</v>
      </c>
      <c r="T85" s="4" t="s">
        <v>64</v>
      </c>
      <c r="U85" s="3" t="s">
        <v>65</v>
      </c>
      <c r="V85" s="4" t="s">
        <v>66</v>
      </c>
      <c r="W85" s="3" t="s">
        <v>67</v>
      </c>
      <c r="X85" s="4" t="s">
        <v>68</v>
      </c>
      <c r="Y85" s="3" t="s">
        <v>69</v>
      </c>
      <c r="Z85" s="4" t="s">
        <v>70</v>
      </c>
      <c r="AA85" s="3" t="s">
        <v>71</v>
      </c>
      <c r="AB85" s="4" t="s">
        <v>72</v>
      </c>
    </row>
    <row r="86" spans="1:28" x14ac:dyDescent="0.4">
      <c r="A86" s="3" t="s">
        <v>45</v>
      </c>
      <c r="B86" s="4" t="s">
        <v>46</v>
      </c>
      <c r="C86" s="3" t="s">
        <v>47</v>
      </c>
      <c r="D86" s="4" t="s">
        <v>48</v>
      </c>
      <c r="E86" s="3" t="s">
        <v>49</v>
      </c>
      <c r="F86" s="4" t="s">
        <v>50</v>
      </c>
      <c r="G86" s="3" t="s">
        <v>51</v>
      </c>
      <c r="H86" s="4" t="s">
        <v>52</v>
      </c>
      <c r="I86" s="3" t="s">
        <v>53</v>
      </c>
      <c r="J86" s="4" t="s">
        <v>54</v>
      </c>
      <c r="K86" s="3" t="s">
        <v>55</v>
      </c>
      <c r="L86" s="4" t="s">
        <v>56</v>
      </c>
      <c r="M86" s="3" t="s">
        <v>57</v>
      </c>
      <c r="N86" s="4" t="s">
        <v>58</v>
      </c>
      <c r="O86" s="3" t="s">
        <v>59</v>
      </c>
      <c r="P86" s="4" t="s">
        <v>60</v>
      </c>
      <c r="Q86" s="3" t="s">
        <v>61</v>
      </c>
      <c r="R86" s="4" t="s">
        <v>62</v>
      </c>
      <c r="S86" s="3" t="s">
        <v>63</v>
      </c>
      <c r="T86" s="4" t="s">
        <v>64</v>
      </c>
      <c r="U86" s="3" t="s">
        <v>65</v>
      </c>
      <c r="V86" s="4" t="s">
        <v>66</v>
      </c>
      <c r="W86" s="3" t="s">
        <v>67</v>
      </c>
      <c r="X86" s="4" t="s">
        <v>68</v>
      </c>
      <c r="Y86" s="3" t="s">
        <v>69</v>
      </c>
      <c r="Z86" s="4" t="s">
        <v>70</v>
      </c>
      <c r="AA86" s="3" t="s">
        <v>71</v>
      </c>
      <c r="AB86" s="4" t="s">
        <v>72</v>
      </c>
    </row>
    <row r="87" spans="1:28" x14ac:dyDescent="0.4">
      <c r="A87" s="3" t="s">
        <v>45</v>
      </c>
      <c r="B87" s="4" t="s">
        <v>46</v>
      </c>
      <c r="C87" s="3" t="s">
        <v>47</v>
      </c>
      <c r="D87" s="4" t="s">
        <v>48</v>
      </c>
      <c r="E87" s="3" t="s">
        <v>49</v>
      </c>
      <c r="F87" s="4" t="s">
        <v>50</v>
      </c>
      <c r="G87" s="3" t="s">
        <v>51</v>
      </c>
      <c r="H87" s="4" t="s">
        <v>52</v>
      </c>
      <c r="I87" s="3" t="s">
        <v>53</v>
      </c>
      <c r="J87" s="4" t="s">
        <v>54</v>
      </c>
      <c r="K87" s="3" t="s">
        <v>55</v>
      </c>
      <c r="L87" s="4" t="s">
        <v>56</v>
      </c>
      <c r="M87" s="3" t="s">
        <v>57</v>
      </c>
      <c r="N87" s="4" t="s">
        <v>58</v>
      </c>
      <c r="O87" s="3" t="s">
        <v>59</v>
      </c>
      <c r="P87" s="4" t="s">
        <v>60</v>
      </c>
      <c r="Q87" s="3" t="s">
        <v>61</v>
      </c>
      <c r="R87" s="4" t="s">
        <v>62</v>
      </c>
      <c r="S87" s="3" t="s">
        <v>63</v>
      </c>
      <c r="T87" s="4" t="s">
        <v>64</v>
      </c>
      <c r="U87" s="3" t="s">
        <v>65</v>
      </c>
      <c r="V87" s="4" t="s">
        <v>66</v>
      </c>
      <c r="W87" s="3" t="s">
        <v>67</v>
      </c>
      <c r="X87" s="4" t="s">
        <v>68</v>
      </c>
      <c r="Y87" s="3" t="s">
        <v>69</v>
      </c>
      <c r="Z87" s="4" t="s">
        <v>70</v>
      </c>
      <c r="AA87" s="3" t="s">
        <v>71</v>
      </c>
      <c r="AB87" s="4" t="s">
        <v>72</v>
      </c>
    </row>
    <row r="88" spans="1:28" x14ac:dyDescent="0.4">
      <c r="A88" s="3" t="s">
        <v>45</v>
      </c>
      <c r="B88" s="4" t="s">
        <v>46</v>
      </c>
      <c r="C88" s="3" t="s">
        <v>47</v>
      </c>
      <c r="D88" s="4" t="s">
        <v>48</v>
      </c>
      <c r="E88" s="3" t="s">
        <v>49</v>
      </c>
      <c r="F88" s="4" t="s">
        <v>50</v>
      </c>
      <c r="G88" s="3" t="s">
        <v>51</v>
      </c>
      <c r="H88" s="4" t="s">
        <v>52</v>
      </c>
      <c r="I88" s="3" t="s">
        <v>53</v>
      </c>
      <c r="J88" s="4" t="s">
        <v>54</v>
      </c>
      <c r="K88" s="3" t="s">
        <v>55</v>
      </c>
      <c r="L88" s="4" t="s">
        <v>56</v>
      </c>
      <c r="M88" s="3" t="s">
        <v>57</v>
      </c>
      <c r="N88" s="4" t="s">
        <v>58</v>
      </c>
      <c r="O88" s="3" t="s">
        <v>59</v>
      </c>
      <c r="P88" s="4" t="s">
        <v>60</v>
      </c>
      <c r="Q88" s="3" t="s">
        <v>61</v>
      </c>
      <c r="R88" s="4" t="s">
        <v>62</v>
      </c>
      <c r="S88" s="3" t="s">
        <v>63</v>
      </c>
      <c r="T88" s="4" t="s">
        <v>64</v>
      </c>
      <c r="U88" s="3" t="s">
        <v>65</v>
      </c>
      <c r="V88" s="4" t="s">
        <v>66</v>
      </c>
      <c r="W88" s="3" t="s">
        <v>67</v>
      </c>
      <c r="X88" s="4" t="s">
        <v>68</v>
      </c>
      <c r="Y88" s="3" t="s">
        <v>69</v>
      </c>
      <c r="Z88" s="4" t="s">
        <v>70</v>
      </c>
      <c r="AA88" s="3" t="s">
        <v>71</v>
      </c>
      <c r="AB88" s="4" t="s">
        <v>72</v>
      </c>
    </row>
  </sheetData>
  <phoneticPr fontId="18"/>
  <pageMargins left="0.7" right="0.7" top="0.75" bottom="0.75" header="0.3" footer="0.3"/>
  <tableParts count="2">
    <tablePart r:id="rId1"/>
    <tablePart r:id="rId2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9C9B17-9173-4D48-B04F-9C32A22641FD}">
  <dimension ref="A1:F57"/>
  <sheetViews>
    <sheetView topLeftCell="A55" workbookViewId="0">
      <selection sqref="A1:F57"/>
    </sheetView>
  </sheetViews>
  <sheetFormatPr defaultRowHeight="18.75" x14ac:dyDescent="0.4"/>
  <sheetData>
    <row r="1" spans="1:6" x14ac:dyDescent="0.4">
      <c r="A1" t="s">
        <v>36</v>
      </c>
      <c r="B1" t="s">
        <v>37</v>
      </c>
      <c r="C1" t="s">
        <v>38</v>
      </c>
      <c r="D1" t="s">
        <v>39</v>
      </c>
      <c r="E1" t="s">
        <v>40</v>
      </c>
      <c r="F1" t="s">
        <v>41</v>
      </c>
    </row>
    <row r="2" spans="1:6" x14ac:dyDescent="0.4">
      <c r="A2">
        <v>1</v>
      </c>
      <c r="B2" s="2" t="s">
        <v>42</v>
      </c>
      <c r="C2">
        <v>12</v>
      </c>
      <c r="D2" s="2"/>
      <c r="F2" s="2"/>
    </row>
    <row r="3" spans="1:6" x14ac:dyDescent="0.4">
      <c r="A3">
        <v>2</v>
      </c>
      <c r="B3" s="2" t="s">
        <v>42</v>
      </c>
      <c r="C3">
        <v>12</v>
      </c>
      <c r="D3" s="2"/>
      <c r="F3" s="2"/>
    </row>
    <row r="4" spans="1:6" x14ac:dyDescent="0.4">
      <c r="A4">
        <v>3</v>
      </c>
      <c r="B4" s="2" t="s">
        <v>42</v>
      </c>
      <c r="C4">
        <v>10</v>
      </c>
      <c r="D4" s="2" t="s">
        <v>43</v>
      </c>
      <c r="F4" s="2"/>
    </row>
    <row r="5" spans="1:6" x14ac:dyDescent="0.4">
      <c r="A5">
        <v>4</v>
      </c>
      <c r="B5" s="2" t="s">
        <v>42</v>
      </c>
      <c r="C5">
        <v>12</v>
      </c>
      <c r="D5" s="2"/>
      <c r="F5" s="2"/>
    </row>
    <row r="6" spans="1:6" x14ac:dyDescent="0.4">
      <c r="A6">
        <v>5</v>
      </c>
      <c r="B6" s="2" t="s">
        <v>42</v>
      </c>
      <c r="C6">
        <v>12</v>
      </c>
      <c r="D6" s="2"/>
      <c r="F6" s="2"/>
    </row>
    <row r="7" spans="1:6" x14ac:dyDescent="0.4">
      <c r="A7">
        <v>6</v>
      </c>
      <c r="B7" s="2" t="s">
        <v>42</v>
      </c>
      <c r="C7">
        <v>12</v>
      </c>
      <c r="D7" s="2"/>
      <c r="F7" s="2"/>
    </row>
    <row r="8" spans="1:6" x14ac:dyDescent="0.4">
      <c r="A8">
        <v>7</v>
      </c>
      <c r="B8" s="2" t="s">
        <v>42</v>
      </c>
      <c r="C8">
        <v>24</v>
      </c>
      <c r="D8" s="2"/>
      <c r="F8" s="2"/>
    </row>
    <row r="9" spans="1:6" x14ac:dyDescent="0.4">
      <c r="A9">
        <v>8</v>
      </c>
      <c r="B9" s="2" t="s">
        <v>42</v>
      </c>
      <c r="C9">
        <v>24</v>
      </c>
      <c r="D9" s="2"/>
      <c r="F9" s="2"/>
    </row>
    <row r="10" spans="1:6" x14ac:dyDescent="0.4">
      <c r="A10">
        <v>9</v>
      </c>
      <c r="B10" s="2" t="s">
        <v>42</v>
      </c>
      <c r="C10">
        <v>12</v>
      </c>
      <c r="D10" s="2"/>
      <c r="F10" s="2"/>
    </row>
    <row r="11" spans="1:6" x14ac:dyDescent="0.4">
      <c r="A11">
        <v>10</v>
      </c>
      <c r="B11" s="2" t="s">
        <v>42</v>
      </c>
      <c r="C11">
        <v>12</v>
      </c>
      <c r="D11" s="2"/>
      <c r="F11" s="2"/>
    </row>
    <row r="12" spans="1:6" x14ac:dyDescent="0.4">
      <c r="A12">
        <v>11</v>
      </c>
      <c r="B12" s="2" t="s">
        <v>42</v>
      </c>
      <c r="C12">
        <v>12</v>
      </c>
      <c r="D12" s="2"/>
      <c r="F12" s="2"/>
    </row>
    <row r="13" spans="1:6" x14ac:dyDescent="0.4">
      <c r="A13">
        <v>12</v>
      </c>
      <c r="B13" s="2" t="s">
        <v>42</v>
      </c>
      <c r="C13">
        <v>26</v>
      </c>
      <c r="D13" s="2" t="s">
        <v>43</v>
      </c>
      <c r="F13" s="2"/>
    </row>
    <row r="14" spans="1:6" x14ac:dyDescent="0.4">
      <c r="A14">
        <v>13</v>
      </c>
      <c r="B14" s="2" t="s">
        <v>42</v>
      </c>
      <c r="C14">
        <v>12</v>
      </c>
      <c r="D14" s="2"/>
      <c r="F14" s="2"/>
    </row>
    <row r="15" spans="1:6" x14ac:dyDescent="0.4">
      <c r="A15">
        <v>14</v>
      </c>
      <c r="B15" s="2" t="s">
        <v>42</v>
      </c>
      <c r="C15">
        <v>12</v>
      </c>
      <c r="D15" s="2"/>
      <c r="F15" s="2"/>
    </row>
    <row r="16" spans="1:6" x14ac:dyDescent="0.4">
      <c r="A16">
        <v>15</v>
      </c>
      <c r="B16" s="2" t="s">
        <v>42</v>
      </c>
      <c r="C16">
        <v>12</v>
      </c>
      <c r="D16" s="2"/>
      <c r="F16" s="2"/>
    </row>
    <row r="17" spans="1:6" x14ac:dyDescent="0.4">
      <c r="A17">
        <v>16</v>
      </c>
      <c r="B17" s="2" t="s">
        <v>42</v>
      </c>
      <c r="C17">
        <v>12</v>
      </c>
      <c r="D17" s="2"/>
      <c r="F17" s="2"/>
    </row>
    <row r="18" spans="1:6" x14ac:dyDescent="0.4">
      <c r="A18">
        <v>17</v>
      </c>
      <c r="B18" s="2" t="s">
        <v>42</v>
      </c>
      <c r="C18">
        <v>12</v>
      </c>
      <c r="D18" s="2"/>
      <c r="F18" s="2"/>
    </row>
    <row r="19" spans="1:6" x14ac:dyDescent="0.4">
      <c r="A19">
        <v>18</v>
      </c>
      <c r="B19" s="2" t="s">
        <v>42</v>
      </c>
      <c r="C19">
        <v>12</v>
      </c>
      <c r="D19" s="2"/>
      <c r="F19" s="2"/>
    </row>
    <row r="20" spans="1:6" x14ac:dyDescent="0.4">
      <c r="A20">
        <v>19</v>
      </c>
      <c r="B20" s="2" t="s">
        <v>42</v>
      </c>
      <c r="C20">
        <v>3</v>
      </c>
      <c r="D20" s="2"/>
      <c r="F20" s="2"/>
    </row>
    <row r="21" spans="1:6" x14ac:dyDescent="0.4">
      <c r="A21">
        <v>20</v>
      </c>
      <c r="B21" s="2" t="s">
        <v>42</v>
      </c>
      <c r="C21">
        <v>3</v>
      </c>
      <c r="D21" s="2"/>
      <c r="F21" s="2"/>
    </row>
    <row r="22" spans="1:6" x14ac:dyDescent="0.4">
      <c r="A22">
        <v>21</v>
      </c>
      <c r="B22" s="2" t="s">
        <v>42</v>
      </c>
      <c r="C22">
        <v>3</v>
      </c>
      <c r="D22" s="2"/>
      <c r="F22" s="2"/>
    </row>
    <row r="23" spans="1:6" x14ac:dyDescent="0.4">
      <c r="A23">
        <v>22</v>
      </c>
      <c r="B23" s="2" t="s">
        <v>42</v>
      </c>
      <c r="C23">
        <v>3</v>
      </c>
      <c r="D23" s="2"/>
      <c r="F23" s="2"/>
    </row>
    <row r="24" spans="1:6" x14ac:dyDescent="0.4">
      <c r="A24">
        <v>23</v>
      </c>
      <c r="B24" s="2" t="s">
        <v>42</v>
      </c>
      <c r="C24">
        <v>3</v>
      </c>
      <c r="D24" s="2"/>
      <c r="F24" s="2"/>
    </row>
    <row r="25" spans="1:6" x14ac:dyDescent="0.4">
      <c r="A25">
        <v>24</v>
      </c>
      <c r="B25" s="2" t="s">
        <v>42</v>
      </c>
      <c r="C25">
        <v>3</v>
      </c>
      <c r="D25" s="2"/>
      <c r="F25" s="2"/>
    </row>
    <row r="26" spans="1:6" x14ac:dyDescent="0.4">
      <c r="A26">
        <v>25</v>
      </c>
      <c r="B26" s="2" t="s">
        <v>42</v>
      </c>
      <c r="C26">
        <v>3</v>
      </c>
      <c r="D26" s="2"/>
      <c r="F26" s="2"/>
    </row>
    <row r="27" spans="1:6" x14ac:dyDescent="0.4">
      <c r="A27">
        <v>26</v>
      </c>
      <c r="B27" s="2" t="s">
        <v>42</v>
      </c>
      <c r="C27">
        <v>3</v>
      </c>
      <c r="D27" s="2"/>
      <c r="F27" s="2"/>
    </row>
    <row r="28" spans="1:6" x14ac:dyDescent="0.4">
      <c r="A28">
        <v>27</v>
      </c>
      <c r="B28" s="2" t="s">
        <v>42</v>
      </c>
      <c r="C28">
        <v>3</v>
      </c>
      <c r="D28" s="2"/>
      <c r="F28" s="2"/>
    </row>
    <row r="29" spans="1:6" x14ac:dyDescent="0.4">
      <c r="A29">
        <v>28</v>
      </c>
      <c r="B29" s="2" t="s">
        <v>44</v>
      </c>
      <c r="C29">
        <v>3</v>
      </c>
      <c r="D29" s="2"/>
      <c r="F29" s="2"/>
    </row>
    <row r="30" spans="1:6" x14ac:dyDescent="0.4">
      <c r="B30" s="2"/>
      <c r="D30" s="2"/>
      <c r="E30">
        <v>1</v>
      </c>
      <c r="F30" s="2" t="s">
        <v>45</v>
      </c>
    </row>
    <row r="31" spans="1:6" x14ac:dyDescent="0.4">
      <c r="B31" s="2"/>
      <c r="D31" s="2"/>
      <c r="E31">
        <v>2</v>
      </c>
      <c r="F31" s="2" t="s">
        <v>46</v>
      </c>
    </row>
    <row r="32" spans="1:6" x14ac:dyDescent="0.4">
      <c r="B32" s="2"/>
      <c r="D32" s="2"/>
      <c r="E32">
        <v>3</v>
      </c>
      <c r="F32" s="2" t="s">
        <v>47</v>
      </c>
    </row>
    <row r="33" spans="2:6" x14ac:dyDescent="0.4">
      <c r="B33" s="2"/>
      <c r="D33" s="2"/>
      <c r="E33">
        <v>4</v>
      </c>
      <c r="F33" s="2" t="s">
        <v>48</v>
      </c>
    </row>
    <row r="34" spans="2:6" x14ac:dyDescent="0.4">
      <c r="B34" s="2"/>
      <c r="D34" s="2"/>
      <c r="E34">
        <v>5</v>
      </c>
      <c r="F34" s="2" t="s">
        <v>49</v>
      </c>
    </row>
    <row r="35" spans="2:6" x14ac:dyDescent="0.4">
      <c r="B35" s="2"/>
      <c r="D35" s="2"/>
      <c r="E35">
        <v>6</v>
      </c>
      <c r="F35" s="2" t="s">
        <v>50</v>
      </c>
    </row>
    <row r="36" spans="2:6" x14ac:dyDescent="0.4">
      <c r="B36" s="2"/>
      <c r="D36" s="2"/>
      <c r="E36">
        <v>7</v>
      </c>
      <c r="F36" s="2" t="s">
        <v>51</v>
      </c>
    </row>
    <row r="37" spans="2:6" x14ac:dyDescent="0.4">
      <c r="B37" s="2"/>
      <c r="D37" s="2"/>
      <c r="E37">
        <v>8</v>
      </c>
      <c r="F37" s="2" t="s">
        <v>52</v>
      </c>
    </row>
    <row r="38" spans="2:6" x14ac:dyDescent="0.4">
      <c r="B38" s="2"/>
      <c r="D38" s="2"/>
      <c r="E38">
        <v>9</v>
      </c>
      <c r="F38" s="2" t="s">
        <v>53</v>
      </c>
    </row>
    <row r="39" spans="2:6" x14ac:dyDescent="0.4">
      <c r="B39" s="2"/>
      <c r="D39" s="2"/>
      <c r="E39">
        <v>10</v>
      </c>
      <c r="F39" s="2" t="s">
        <v>54</v>
      </c>
    </row>
    <row r="40" spans="2:6" x14ac:dyDescent="0.4">
      <c r="B40" s="2"/>
      <c r="D40" s="2"/>
      <c r="E40">
        <v>11</v>
      </c>
      <c r="F40" s="2" t="s">
        <v>55</v>
      </c>
    </row>
    <row r="41" spans="2:6" x14ac:dyDescent="0.4">
      <c r="B41" s="2"/>
      <c r="D41" s="2"/>
      <c r="E41">
        <v>12</v>
      </c>
      <c r="F41" s="2" t="s">
        <v>56</v>
      </c>
    </row>
    <row r="42" spans="2:6" x14ac:dyDescent="0.4">
      <c r="B42" s="2"/>
      <c r="D42" s="2"/>
      <c r="E42">
        <v>13</v>
      </c>
      <c r="F42" s="2" t="s">
        <v>57</v>
      </c>
    </row>
    <row r="43" spans="2:6" x14ac:dyDescent="0.4">
      <c r="B43" s="2"/>
      <c r="D43" s="2"/>
      <c r="E43">
        <v>14</v>
      </c>
      <c r="F43" s="2" t="s">
        <v>58</v>
      </c>
    </row>
    <row r="44" spans="2:6" x14ac:dyDescent="0.4">
      <c r="B44" s="2"/>
      <c r="D44" s="2"/>
      <c r="E44">
        <v>15</v>
      </c>
      <c r="F44" s="2" t="s">
        <v>59</v>
      </c>
    </row>
    <row r="45" spans="2:6" x14ac:dyDescent="0.4">
      <c r="B45" s="2"/>
      <c r="D45" s="2"/>
      <c r="E45">
        <v>16</v>
      </c>
      <c r="F45" s="2" t="s">
        <v>60</v>
      </c>
    </row>
    <row r="46" spans="2:6" x14ac:dyDescent="0.4">
      <c r="B46" s="2"/>
      <c r="D46" s="2"/>
      <c r="E46">
        <v>17</v>
      </c>
      <c r="F46" s="2" t="s">
        <v>61</v>
      </c>
    </row>
    <row r="47" spans="2:6" x14ac:dyDescent="0.4">
      <c r="B47" s="2"/>
      <c r="D47" s="2"/>
      <c r="E47">
        <v>18</v>
      </c>
      <c r="F47" s="2" t="s">
        <v>62</v>
      </c>
    </row>
    <row r="48" spans="2:6" x14ac:dyDescent="0.4">
      <c r="B48" s="2"/>
      <c r="D48" s="2"/>
      <c r="E48">
        <v>19</v>
      </c>
      <c r="F48" s="2" t="s">
        <v>63</v>
      </c>
    </row>
    <row r="49" spans="2:6" x14ac:dyDescent="0.4">
      <c r="B49" s="2"/>
      <c r="D49" s="2"/>
      <c r="E49">
        <v>20</v>
      </c>
      <c r="F49" s="2" t="s">
        <v>64</v>
      </c>
    </row>
    <row r="50" spans="2:6" x14ac:dyDescent="0.4">
      <c r="B50" s="2"/>
      <c r="D50" s="2"/>
      <c r="E50">
        <v>21</v>
      </c>
      <c r="F50" s="2" t="s">
        <v>65</v>
      </c>
    </row>
    <row r="51" spans="2:6" x14ac:dyDescent="0.4">
      <c r="B51" s="2"/>
      <c r="D51" s="2"/>
      <c r="E51">
        <v>22</v>
      </c>
      <c r="F51" s="2" t="s">
        <v>66</v>
      </c>
    </row>
    <row r="52" spans="2:6" x14ac:dyDescent="0.4">
      <c r="B52" s="2"/>
      <c r="D52" s="2"/>
      <c r="E52">
        <v>23</v>
      </c>
      <c r="F52" s="2" t="s">
        <v>67</v>
      </c>
    </row>
    <row r="53" spans="2:6" x14ac:dyDescent="0.4">
      <c r="B53" s="2"/>
      <c r="D53" s="2"/>
      <c r="E53">
        <v>24</v>
      </c>
      <c r="F53" s="2" t="s">
        <v>68</v>
      </c>
    </row>
    <row r="54" spans="2:6" x14ac:dyDescent="0.4">
      <c r="B54" s="2"/>
      <c r="D54" s="2"/>
      <c r="E54">
        <v>25</v>
      </c>
      <c r="F54" s="2" t="s">
        <v>69</v>
      </c>
    </row>
    <row r="55" spans="2:6" x14ac:dyDescent="0.4">
      <c r="B55" s="2"/>
      <c r="D55" s="2"/>
      <c r="E55">
        <v>26</v>
      </c>
      <c r="F55" s="2" t="s">
        <v>70</v>
      </c>
    </row>
    <row r="56" spans="2:6" x14ac:dyDescent="0.4">
      <c r="B56" s="2"/>
      <c r="D56" s="2"/>
      <c r="E56">
        <v>27</v>
      </c>
      <c r="F56" s="2" t="s">
        <v>71</v>
      </c>
    </row>
    <row r="57" spans="2:6" x14ac:dyDescent="0.4">
      <c r="B57" s="2"/>
      <c r="D57" s="2"/>
      <c r="E57">
        <v>28</v>
      </c>
      <c r="F57" s="2" t="s">
        <v>72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RoomInfo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25:42Z</dcterms:created>
  <dcterms:modified xsi:type="dcterms:W3CDTF">2024-02-26T05:09:06Z</dcterms:modified>
</cp:coreProperties>
</file>